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theme/theme2.xml" ContentType="application/vnd.openxmlformats-officedocument.theme+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53" r:id="rId6"/>
    <p:sldMasterId id="2147483842" r:id="rId7"/>
    <p:sldMasterId id="2147483951" r:id="rId8"/>
  </p:sldMasterIdLst>
  <p:notesMasterIdLst>
    <p:notesMasterId r:id="rId27"/>
  </p:notesMasterIdLst>
  <p:handoutMasterIdLst>
    <p:handoutMasterId r:id="rId28"/>
  </p:handoutMasterIdLst>
  <p:sldIdLst>
    <p:sldId id="256" r:id="rId9"/>
    <p:sldId id="941" r:id="rId10"/>
    <p:sldId id="913" r:id="rId11"/>
    <p:sldId id="890" r:id="rId12"/>
    <p:sldId id="942" r:id="rId13"/>
    <p:sldId id="940" r:id="rId14"/>
    <p:sldId id="407" r:id="rId15"/>
    <p:sldId id="895" r:id="rId16"/>
    <p:sldId id="939" r:id="rId17"/>
    <p:sldId id="946" r:id="rId18"/>
    <p:sldId id="944" r:id="rId19"/>
    <p:sldId id="945" r:id="rId20"/>
    <p:sldId id="932" r:id="rId21"/>
    <p:sldId id="933" r:id="rId22"/>
    <p:sldId id="934" r:id="rId23"/>
    <p:sldId id="935" r:id="rId24"/>
    <p:sldId id="936" r:id="rId25"/>
    <p:sldId id="937" r:id="rId26"/>
  </p:sldIdLst>
  <p:sldSz cx="12192000" cy="6858000"/>
  <p:notesSz cx="6858000" cy="9144000"/>
  <p:defaultTextStyle>
    <a:defPPr>
      <a:defRPr lang="nb-NO"/>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866B4E09-B1D8-FDDD-6D95-EB9026C44C3D}" name="Åhrberg, Johanna" initials="JÅ" userId="S::johanna@multiconsult.no::7eee4432-47a7-41e2-994e-123efa9b725e"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F00CA"/>
    <a:srgbClr val="272E34"/>
    <a:srgbClr val="E5E1E0"/>
    <a:srgbClr val="CFC8C6"/>
    <a:srgbClr val="462020"/>
    <a:srgbClr val="E8E3E3"/>
    <a:srgbClr val="C7BDB7"/>
    <a:srgbClr val="272E33"/>
    <a:srgbClr val="FF8D0F"/>
    <a:srgbClr val="EEA530"/>
  </p:clrMru>
  <p:extLst>
    <p:ext uri="{E76CE94A-603C-4142-B9EB-6D1370010A27}">
      <p14:discardImageEditData xmlns:p14="http://schemas.microsoft.com/office/powerpoint/2010/main" val="0"/>
    </p:ext>
    <p:ext uri="{D31A062A-798A-4329-ABDD-BBA856620510}">
      <p14:defaultImageDpi xmlns:p14="http://schemas.microsoft.com/office/powerpoint/2010/main" val="33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5BA1AFF-D1D1-49F8-A612-5349044E63B6}" v="9" dt="2026-03-05T14:16:50.218"/>
  </p1510:revLst>
</p1510:revInfo>
</file>

<file path=ppt/tableStyles.xml><?xml version="1.0" encoding="utf-8"?>
<a:tblStyleLst xmlns:a="http://schemas.openxmlformats.org/drawingml/2006/main" def="{5C22544A-7EE6-4342-B048-85BDC9FD1C3A}">
  <a:tblStyle styleId="{5C22544A-7EE6-4342-B048-85BDC9FD1C3A}" styleName="Middels stil 2 – uthev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iddels stil 2 – utheving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0A15C55-8517-42AA-B614-E9B94910E393}" styleName="Middels stil 2 – utheving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2D5ABB26-0587-4C30-8999-92F81FD0307C}" styleName="Ingen stil, ingen rutenett">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5940675A-B579-460E-94D1-54222C63F5DA}" styleName="Ingen stil, tabellrutenett">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5FD0F851-EC5A-4D38-B0AD-8093EC10F338}" styleName="Lys stil 1 – utheving 5">
    <a:wholeTbl>
      <a:tcTxStyle>
        <a:fontRef idx="minor">
          <a:scrgbClr r="0" g="0" b="0"/>
        </a:fontRef>
        <a:schemeClr val="tx1"/>
      </a:tcTxStyle>
      <a:tcStyle>
        <a:tcBdr>
          <a:left>
            <a:ln>
              <a:noFill/>
            </a:ln>
          </a:left>
          <a:right>
            <a:ln>
              <a:noFill/>
            </a:ln>
          </a:right>
          <a:top>
            <a:ln w="12700" cmpd="sng">
              <a:solidFill>
                <a:schemeClr val="accent5"/>
              </a:solidFill>
            </a:ln>
          </a:top>
          <a:bottom>
            <a:ln w="12700" cmpd="sng">
              <a:solidFill>
                <a:schemeClr val="accent5"/>
              </a:solidFill>
            </a:ln>
          </a:bottom>
          <a:insideH>
            <a:ln>
              <a:noFill/>
            </a:ln>
          </a:insideH>
          <a:insideV>
            <a:ln>
              <a:noFill/>
            </a:ln>
          </a:insideV>
        </a:tcBdr>
        <a:fill>
          <a:noFill/>
        </a:fill>
      </a:tcStyle>
    </a:wholeTbl>
    <a:band1H>
      <a:tcStyle>
        <a:tcBdr/>
        <a:fill>
          <a:solidFill>
            <a:schemeClr val="accent5">
              <a:alpha val="20000"/>
            </a:schemeClr>
          </a:solidFill>
        </a:fill>
      </a:tcStyle>
    </a:band1H>
    <a:band2H>
      <a:tcStyle>
        <a:tcBdr/>
      </a:tcStyle>
    </a:band2H>
    <a:band1V>
      <a:tcStyle>
        <a:tcBdr/>
        <a:fill>
          <a:solidFill>
            <a:schemeClr val="accent5">
              <a:alpha val="20000"/>
            </a:schemeClr>
          </a:solidFill>
        </a:fill>
      </a:tcStyle>
    </a:band1V>
    <a:lastCol>
      <a:tcTxStyle b="on"/>
      <a:tcStyle>
        <a:tcBdr/>
      </a:tcStyle>
    </a:lastCol>
    <a:firstCol>
      <a:tcTxStyle b="on"/>
      <a:tcStyle>
        <a:tcBdr/>
      </a:tcStyle>
    </a:firstCol>
    <a:lastRow>
      <a:tcTxStyle b="on"/>
      <a:tcStyle>
        <a:tcBdr>
          <a:top>
            <a:ln w="12700" cmpd="sng">
              <a:solidFill>
                <a:schemeClr val="accent5"/>
              </a:solidFill>
            </a:ln>
          </a:top>
        </a:tcBdr>
        <a:fill>
          <a:noFill/>
        </a:fill>
      </a:tcStyle>
    </a:lastRow>
    <a:firstRow>
      <a:tcTxStyle b="on"/>
      <a:tcStyle>
        <a:tcBdr>
          <a:bottom>
            <a:ln w="12700" cmpd="sng">
              <a:solidFill>
                <a:schemeClr val="accent5"/>
              </a:solidFill>
            </a:ln>
          </a:bottom>
        </a:tcBdr>
        <a:fill>
          <a:noFill/>
        </a:fill>
      </a:tcStyle>
    </a:firstRow>
  </a:tblStyle>
  <a:tblStyle styleId="{9D7B26C5-4107-4FEC-AEDC-1716B250A1EF}" styleName="Lys stil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980" autoAdjust="0"/>
    <p:restoredTop sz="97382" autoAdjust="0"/>
  </p:normalViewPr>
  <p:slideViewPr>
    <p:cSldViewPr snapToGrid="0">
      <p:cViewPr varScale="1">
        <p:scale>
          <a:sx n="118" d="100"/>
          <a:sy n="118" d="100"/>
        </p:scale>
        <p:origin x="198" y="114"/>
      </p:cViewPr>
      <p:guideLst/>
    </p:cSldViewPr>
  </p:slideViewPr>
  <p:outlineViewPr>
    <p:cViewPr>
      <p:scale>
        <a:sx n="33" d="100"/>
        <a:sy n="33" d="100"/>
      </p:scale>
      <p:origin x="0" y="-217044"/>
    </p:cViewPr>
  </p:outlineViewPr>
  <p:notesTextViewPr>
    <p:cViewPr>
      <p:scale>
        <a:sx n="1" d="1"/>
        <a:sy n="1" d="1"/>
      </p:scale>
      <p:origin x="0" y="0"/>
    </p:cViewPr>
  </p:notesTextViewPr>
  <p:notesViewPr>
    <p:cSldViewPr snapToGrid="0">
      <p:cViewPr>
        <p:scale>
          <a:sx n="1" d="2"/>
          <a:sy n="1" d="2"/>
        </p:scale>
        <p:origin x="3288" y="1386"/>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 Type="http://schemas.openxmlformats.org/officeDocument/2006/relationships/customXml" Target="../customXml/item3.xml"/><Relationship Id="rId21" Type="http://schemas.openxmlformats.org/officeDocument/2006/relationships/slide" Target="slides/slide13.xml"/><Relationship Id="rId34" Type="http://schemas.microsoft.com/office/2015/10/relationships/revisionInfo" Target="revisionInfo.xml"/><Relationship Id="rId7" Type="http://schemas.openxmlformats.org/officeDocument/2006/relationships/slideMaster" Target="slideMasters/slideMaster2.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microsoft.com/office/2016/11/relationships/changesInfo" Target="changesInfos/changesInfo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handoutMaster" Target="handoutMasters/handoutMaster1.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notesMaster" Target="notesMasters/notesMaster1.xml"/><Relationship Id="rId30" Type="http://schemas.openxmlformats.org/officeDocument/2006/relationships/viewProps" Target="viewProps.xml"/><Relationship Id="rId35" Type="http://schemas.microsoft.com/office/2018/10/relationships/authors" Target="authors.xml"/><Relationship Id="rId8" Type="http://schemas.openxmlformats.org/officeDocument/2006/relationships/slideMaster" Target="slideMasters/slideMaster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Kvernberg, Nora" userId="a978e808-0827-4292-98f8-b091b20d6d4a" providerId="ADAL" clId="{4DD7B01D-89BE-4CF2-9E5E-022AF951BB4E}"/>
    <pc:docChg chg="custSel addSld modSld sldOrd">
      <pc:chgData name="Kvernberg, Nora" userId="a978e808-0827-4292-98f8-b091b20d6d4a" providerId="ADAL" clId="{4DD7B01D-89BE-4CF2-9E5E-022AF951BB4E}" dt="2026-03-05T14:20:17.018" v="519" actId="20577"/>
      <pc:docMkLst>
        <pc:docMk/>
      </pc:docMkLst>
      <pc:sldChg chg="ord">
        <pc:chgData name="Kvernberg, Nora" userId="a978e808-0827-4292-98f8-b091b20d6d4a" providerId="ADAL" clId="{4DD7B01D-89BE-4CF2-9E5E-022AF951BB4E}" dt="2026-03-05T14:00:22.448" v="10"/>
        <pc:sldMkLst>
          <pc:docMk/>
          <pc:sldMk cId="2088838842" sldId="939"/>
        </pc:sldMkLst>
      </pc:sldChg>
      <pc:sldChg chg="modSp mod">
        <pc:chgData name="Kvernberg, Nora" userId="a978e808-0827-4292-98f8-b091b20d6d4a" providerId="ADAL" clId="{4DD7B01D-89BE-4CF2-9E5E-022AF951BB4E}" dt="2026-03-05T14:17:07.235" v="448" actId="27636"/>
        <pc:sldMkLst>
          <pc:docMk/>
          <pc:sldMk cId="119868224" sldId="941"/>
        </pc:sldMkLst>
        <pc:spChg chg="mod">
          <ac:chgData name="Kvernberg, Nora" userId="a978e808-0827-4292-98f8-b091b20d6d4a" providerId="ADAL" clId="{4DD7B01D-89BE-4CF2-9E5E-022AF951BB4E}" dt="2026-03-05T14:17:07.235" v="448" actId="27636"/>
          <ac:spMkLst>
            <pc:docMk/>
            <pc:sldMk cId="119868224" sldId="941"/>
            <ac:spMk id="3" creationId="{FC3E28A7-63F9-EA42-4EC6-72A640A5CCE4}"/>
          </ac:spMkLst>
        </pc:spChg>
      </pc:sldChg>
      <pc:sldChg chg="addSp delSp modSp add mod">
        <pc:chgData name="Kvernberg, Nora" userId="a978e808-0827-4292-98f8-b091b20d6d4a" providerId="ADAL" clId="{4DD7B01D-89BE-4CF2-9E5E-022AF951BB4E}" dt="2026-03-05T14:20:17.018" v="519" actId="20577"/>
        <pc:sldMkLst>
          <pc:docMk/>
          <pc:sldMk cId="3849980012" sldId="946"/>
        </pc:sldMkLst>
        <pc:spChg chg="mod">
          <ac:chgData name="Kvernberg, Nora" userId="a978e808-0827-4292-98f8-b091b20d6d4a" providerId="ADAL" clId="{4DD7B01D-89BE-4CF2-9E5E-022AF951BB4E}" dt="2026-03-05T14:10:05.116" v="416" actId="113"/>
          <ac:spMkLst>
            <pc:docMk/>
            <pc:sldMk cId="3849980012" sldId="946"/>
            <ac:spMk id="2" creationId="{7AEA438D-8B65-56C7-332F-6BBF0C10A2F3}"/>
          </ac:spMkLst>
        </pc:spChg>
        <pc:spChg chg="del mod">
          <ac:chgData name="Kvernberg, Nora" userId="a978e808-0827-4292-98f8-b091b20d6d4a" providerId="ADAL" clId="{4DD7B01D-89BE-4CF2-9E5E-022AF951BB4E}" dt="2026-03-05T14:00:51.165" v="14" actId="478"/>
          <ac:spMkLst>
            <pc:docMk/>
            <pc:sldMk cId="3849980012" sldId="946"/>
            <ac:spMk id="3" creationId="{C544D1DD-B6C2-6588-9B5C-F4F2AB857C61}"/>
          </ac:spMkLst>
        </pc:spChg>
        <pc:spChg chg="del mod">
          <ac:chgData name="Kvernberg, Nora" userId="a978e808-0827-4292-98f8-b091b20d6d4a" providerId="ADAL" clId="{4DD7B01D-89BE-4CF2-9E5E-022AF951BB4E}" dt="2026-03-05T14:08:24.417" v="391" actId="478"/>
          <ac:spMkLst>
            <pc:docMk/>
            <pc:sldMk cId="3849980012" sldId="946"/>
            <ac:spMk id="4" creationId="{705931E8-B61F-85A9-26A9-16C6205DD1FA}"/>
          </ac:spMkLst>
        </pc:spChg>
        <pc:spChg chg="add mod">
          <ac:chgData name="Kvernberg, Nora" userId="a978e808-0827-4292-98f8-b091b20d6d4a" providerId="ADAL" clId="{4DD7B01D-89BE-4CF2-9E5E-022AF951BB4E}" dt="2026-03-05T14:20:17.018" v="519" actId="20577"/>
          <ac:spMkLst>
            <pc:docMk/>
            <pc:sldMk cId="3849980012" sldId="946"/>
            <ac:spMk id="8" creationId="{3834A0DC-DB60-3586-F923-A01E5D4A6F4E}"/>
          </ac:spMkLst>
        </pc:spChg>
        <pc:spChg chg="add del mod">
          <ac:chgData name="Kvernberg, Nora" userId="a978e808-0827-4292-98f8-b091b20d6d4a" providerId="ADAL" clId="{4DD7B01D-89BE-4CF2-9E5E-022AF951BB4E}" dt="2026-03-05T14:08:33.294" v="394" actId="478"/>
          <ac:spMkLst>
            <pc:docMk/>
            <pc:sldMk cId="3849980012" sldId="946"/>
            <ac:spMk id="10" creationId="{C1F8CA86-7F9C-B410-B90E-E45A43A5840C}"/>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ssholder for topptekst 1">
            <a:extLst>
              <a:ext uri="{FF2B5EF4-FFF2-40B4-BE49-F238E27FC236}">
                <a16:creationId xmlns:a16="http://schemas.microsoft.com/office/drawing/2014/main" id="{32BD2FCB-B698-0747-84C6-12515052DDBB}"/>
              </a:ext>
            </a:extLst>
          </p:cNvPr>
          <p:cNvSpPr>
            <a:spLocks noGrp="1"/>
          </p:cNvSpPr>
          <p:nvPr>
            <p:ph type="hdr" sz="quarter"/>
          </p:nvPr>
        </p:nvSpPr>
        <p:spPr>
          <a:xfrm>
            <a:off x="0" y="1"/>
            <a:ext cx="2971800" cy="458788"/>
          </a:xfrm>
          <a:prstGeom prst="rect">
            <a:avLst/>
          </a:prstGeom>
        </p:spPr>
        <p:txBody>
          <a:bodyPr vert="horz" lIns="91440" tIns="45720" rIns="91440" bIns="45720" rtlCol="0"/>
          <a:lstStyle>
            <a:lvl1pPr algn="l">
              <a:defRPr sz="1200"/>
            </a:lvl1pPr>
          </a:lstStyle>
          <a:p>
            <a:endParaRPr lang="nb-NO"/>
          </a:p>
        </p:txBody>
      </p:sp>
      <p:sp>
        <p:nvSpPr>
          <p:cNvPr id="3" name="Plassholder for dato 2">
            <a:extLst>
              <a:ext uri="{FF2B5EF4-FFF2-40B4-BE49-F238E27FC236}">
                <a16:creationId xmlns:a16="http://schemas.microsoft.com/office/drawing/2014/main" id="{608E1855-192A-D3E0-75F5-F55FBBA5A4A5}"/>
              </a:ext>
            </a:extLst>
          </p:cNvPr>
          <p:cNvSpPr>
            <a:spLocks noGrp="1"/>
          </p:cNvSpPr>
          <p:nvPr>
            <p:ph type="dt" sz="quarter" idx="1"/>
          </p:nvPr>
        </p:nvSpPr>
        <p:spPr>
          <a:xfrm>
            <a:off x="3884613" y="1"/>
            <a:ext cx="2971800" cy="458788"/>
          </a:xfrm>
          <a:prstGeom prst="rect">
            <a:avLst/>
          </a:prstGeom>
        </p:spPr>
        <p:txBody>
          <a:bodyPr vert="horz" lIns="91440" tIns="45720" rIns="91440" bIns="45720" rtlCol="0"/>
          <a:lstStyle>
            <a:lvl1pPr algn="r">
              <a:defRPr sz="1200"/>
            </a:lvl1pPr>
          </a:lstStyle>
          <a:p>
            <a:fld id="{A83C12FF-7573-8C41-9EF4-73F89A40CD1A}" type="datetimeFigureOut">
              <a:rPr lang="nb-NO" smtClean="0"/>
              <a:t>05.03.2026</a:t>
            </a:fld>
            <a:endParaRPr lang="nb-NO"/>
          </a:p>
        </p:txBody>
      </p:sp>
      <p:sp>
        <p:nvSpPr>
          <p:cNvPr id="4" name="Plassholder for bunntekst 3">
            <a:extLst>
              <a:ext uri="{FF2B5EF4-FFF2-40B4-BE49-F238E27FC236}">
                <a16:creationId xmlns:a16="http://schemas.microsoft.com/office/drawing/2014/main" id="{4C97F658-75F6-7B7E-00EC-54EAE2DF4882}"/>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nb-NO"/>
          </a:p>
        </p:txBody>
      </p:sp>
      <p:sp>
        <p:nvSpPr>
          <p:cNvPr id="5" name="Plassholder for lysbildenummer 4">
            <a:extLst>
              <a:ext uri="{FF2B5EF4-FFF2-40B4-BE49-F238E27FC236}">
                <a16:creationId xmlns:a16="http://schemas.microsoft.com/office/drawing/2014/main" id="{61F96837-E34F-E356-59D5-4564EDFC1A2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FF2762E-8F8F-1F42-A3C9-9D9F514B0A5B}" type="slidenum">
              <a:rPr lang="nb-NO" smtClean="0"/>
              <a:t>‹#›</a:t>
            </a:fld>
            <a:endParaRPr lang="nb-NO"/>
          </a:p>
        </p:txBody>
      </p:sp>
    </p:spTree>
    <p:extLst>
      <p:ext uri="{BB962C8B-B14F-4D97-AF65-F5344CB8AC3E}">
        <p14:creationId xmlns:p14="http://schemas.microsoft.com/office/powerpoint/2010/main" val="3466665030"/>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ssholder for topptekst 1"/>
          <p:cNvSpPr>
            <a:spLocks noGrp="1"/>
          </p:cNvSpPr>
          <p:nvPr>
            <p:ph type="hdr" sz="quarter"/>
          </p:nvPr>
        </p:nvSpPr>
        <p:spPr>
          <a:xfrm>
            <a:off x="0" y="1"/>
            <a:ext cx="2971800" cy="458788"/>
          </a:xfrm>
          <a:prstGeom prst="rect">
            <a:avLst/>
          </a:prstGeom>
        </p:spPr>
        <p:txBody>
          <a:bodyPr vert="horz" lIns="91440" tIns="45720" rIns="91440" bIns="45720" rtlCol="0"/>
          <a:lstStyle>
            <a:lvl1pPr algn="l">
              <a:defRPr sz="1200"/>
            </a:lvl1pPr>
          </a:lstStyle>
          <a:p>
            <a:endParaRPr lang="nb-NO"/>
          </a:p>
        </p:txBody>
      </p:sp>
      <p:sp>
        <p:nvSpPr>
          <p:cNvPr id="3" name="Plassholder for dato 2"/>
          <p:cNvSpPr>
            <a:spLocks noGrp="1"/>
          </p:cNvSpPr>
          <p:nvPr>
            <p:ph type="dt" idx="1"/>
          </p:nvPr>
        </p:nvSpPr>
        <p:spPr>
          <a:xfrm>
            <a:off x="3884613" y="1"/>
            <a:ext cx="2971800" cy="458788"/>
          </a:xfrm>
          <a:prstGeom prst="rect">
            <a:avLst/>
          </a:prstGeom>
        </p:spPr>
        <p:txBody>
          <a:bodyPr vert="horz" lIns="91440" tIns="45720" rIns="91440" bIns="45720" rtlCol="0"/>
          <a:lstStyle>
            <a:lvl1pPr algn="r">
              <a:defRPr sz="1200"/>
            </a:lvl1pPr>
          </a:lstStyle>
          <a:p>
            <a:fld id="{FB1D4F78-F281-8042-AD85-C84EAD80BF7D}" type="datetimeFigureOut">
              <a:rPr lang="nb-NO" smtClean="0"/>
              <a:t>05.03.2026</a:t>
            </a:fld>
            <a:endParaRPr lang="nb-NO"/>
          </a:p>
        </p:txBody>
      </p:sp>
      <p:sp>
        <p:nvSpPr>
          <p:cNvPr id="4" name="Plassholder for lysbilde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b-NO"/>
          </a:p>
        </p:txBody>
      </p:sp>
      <p:sp>
        <p:nvSpPr>
          <p:cNvPr id="5" name="Plassholder for notater 4"/>
          <p:cNvSpPr>
            <a:spLocks noGrp="1"/>
          </p:cNvSpPr>
          <p:nvPr>
            <p:ph type="body" sz="quarter" idx="3"/>
          </p:nvPr>
        </p:nvSpPr>
        <p:spPr>
          <a:xfrm>
            <a:off x="685800" y="4400549"/>
            <a:ext cx="5486400" cy="3600451"/>
          </a:xfrm>
          <a:prstGeom prst="rect">
            <a:avLst/>
          </a:prstGeom>
        </p:spPr>
        <p:txBody>
          <a:bodyPr vert="horz" lIns="91440" tIns="45720" rIns="91440" bIns="45720" rtlCol="0"/>
          <a:lstStyle/>
          <a:p>
            <a:pPr lvl="0"/>
            <a:r>
              <a:rPr lang="nb-NO"/>
              <a:t>Klikk for å redigere tekststiler i malen</a:t>
            </a:r>
          </a:p>
          <a:p>
            <a:pPr lvl="1"/>
            <a:r>
              <a:rPr lang="nb-NO"/>
              <a:t>Andre nivå</a:t>
            </a:r>
          </a:p>
          <a:p>
            <a:pPr lvl="2"/>
            <a:r>
              <a:rPr lang="nb-NO"/>
              <a:t>Tredje nivå</a:t>
            </a:r>
          </a:p>
          <a:p>
            <a:pPr lvl="3"/>
            <a:r>
              <a:rPr lang="nb-NO"/>
              <a:t>Fjerde nivå</a:t>
            </a:r>
          </a:p>
          <a:p>
            <a:pPr lvl="4"/>
            <a:r>
              <a:rPr lang="nb-NO"/>
              <a:t>Femte nivå</a:t>
            </a:r>
          </a:p>
        </p:txBody>
      </p:sp>
      <p:sp>
        <p:nvSpPr>
          <p:cNvPr id="6" name="Plassholder for bunn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b-NO"/>
          </a:p>
        </p:txBody>
      </p:sp>
      <p:sp>
        <p:nvSpPr>
          <p:cNvPr id="7" name="Plassholder for lysbilde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041E118F-A4EB-D54B-BED6-A62AD6EB128C}" type="slidenum">
              <a:rPr lang="nb-NO" smtClean="0"/>
              <a:t>‹#›</a:t>
            </a:fld>
            <a:endParaRPr lang="nb-NO"/>
          </a:p>
        </p:txBody>
      </p:sp>
    </p:spTree>
    <p:extLst>
      <p:ext uri="{BB962C8B-B14F-4D97-AF65-F5344CB8AC3E}">
        <p14:creationId xmlns:p14="http://schemas.microsoft.com/office/powerpoint/2010/main" val="3938193051"/>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normAutofit/>
          </a:bodyPr>
          <a:lstStyle/>
          <a:p>
            <a:endParaRPr lang="nn-NO"/>
          </a:p>
        </p:txBody>
      </p:sp>
      <p:sp>
        <p:nvSpPr>
          <p:cNvPr id="4" name="Plassholder for lysbildenummer 3"/>
          <p:cNvSpPr>
            <a:spLocks noGrp="1"/>
          </p:cNvSpPr>
          <p:nvPr>
            <p:ph type="sldNum" sz="quarter" idx="10"/>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8517D360-9249-43CD-9134-E4B32649FE09}" type="slidenum">
              <a:rPr kumimoji="0" lang="nb-NO" sz="1200" b="0" i="0" u="none" strike="noStrike" kern="1200" cap="none" spc="0" normalizeH="0" baseline="0" noProof="0" smtClean="0">
                <a:ln>
                  <a:noFill/>
                </a:ln>
                <a:solidFill>
                  <a:srgbClr val="000000"/>
                </a:solidFill>
                <a:effectLst/>
                <a:uLnTx/>
                <a:uFillTx/>
                <a:latin typeface="Arial"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1</a:t>
            </a:fld>
            <a:endParaRPr kumimoji="0" lang="nb-NO" sz="1200" b="0" i="0" u="none" strike="noStrike" kern="1200" cap="none" spc="0" normalizeH="0" baseline="0" noProof="0">
              <a:ln>
                <a:noFill/>
              </a:ln>
              <a:solidFill>
                <a:srgbClr val="000000"/>
              </a:solidFill>
              <a:effectLst/>
              <a:uLnTx/>
              <a:uFillTx/>
              <a:latin typeface="Arial" charset="0"/>
              <a:ea typeface="+mn-ea"/>
              <a:cs typeface="+mn-cs"/>
            </a:endParaRPr>
          </a:p>
        </p:txBody>
      </p:sp>
    </p:spTree>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endParaRPr lang="nb-NO"/>
          </a:p>
        </p:txBody>
      </p:sp>
      <p:sp>
        <p:nvSpPr>
          <p:cNvPr id="4" name="Plassholder for lysbildenummer 3"/>
          <p:cNvSpPr>
            <a:spLocks noGrp="1"/>
          </p:cNvSpPr>
          <p:nvPr>
            <p:ph type="sldNum" sz="quarter" idx="5"/>
          </p:nvPr>
        </p:nvSpPr>
        <p:spPr/>
        <p:txBody>
          <a:bodyPr/>
          <a:lstStyle/>
          <a:p>
            <a:pPr marL="0" marR="0" lvl="0" indent="0" algn="r" defTabSz="914400" rtl="0" eaLnBrk="1" fontAlgn="base" latinLnBrk="0" hangingPunct="1">
              <a:lnSpc>
                <a:spcPct val="100000"/>
              </a:lnSpc>
              <a:spcBef>
                <a:spcPct val="0"/>
              </a:spcBef>
              <a:spcAft>
                <a:spcPct val="0"/>
              </a:spcAft>
              <a:buClrTx/>
              <a:buSzTx/>
              <a:buFontTx/>
              <a:buNone/>
              <a:tabLst/>
              <a:defRPr/>
            </a:pPr>
            <a:fld id="{8517D360-9249-43CD-9134-E4B32649FE09}" type="slidenum">
              <a:rPr kumimoji="0" lang="nb-NO" sz="1200" b="0" i="0" u="none" strike="noStrike" kern="1200" cap="none" spc="0" normalizeH="0" baseline="0" noProof="0" smtClean="0">
                <a:ln>
                  <a:noFill/>
                </a:ln>
                <a:solidFill>
                  <a:srgbClr val="000000"/>
                </a:solidFill>
                <a:effectLst/>
                <a:uLnTx/>
                <a:uFillTx/>
                <a:latin typeface="Arial" charset="0"/>
                <a:ea typeface="+mn-ea"/>
                <a:cs typeface="+mn-cs"/>
              </a:rPr>
              <a:pPr marL="0" marR="0" lvl="0" indent="0" algn="r" defTabSz="914400" rtl="0" eaLnBrk="1" fontAlgn="base" latinLnBrk="0" hangingPunct="1">
                <a:lnSpc>
                  <a:spcPct val="100000"/>
                </a:lnSpc>
                <a:spcBef>
                  <a:spcPct val="0"/>
                </a:spcBef>
                <a:spcAft>
                  <a:spcPct val="0"/>
                </a:spcAft>
                <a:buClrTx/>
                <a:buSzTx/>
                <a:buFontTx/>
                <a:buNone/>
                <a:tabLst/>
                <a:defRPr/>
              </a:pPr>
              <a:t>8</a:t>
            </a:fld>
            <a:endParaRPr kumimoji="0" lang="nb-NO" sz="1200" b="0" i="0" u="none" strike="noStrike" kern="1200" cap="none" spc="0" normalizeH="0" baseline="0" noProof="0">
              <a:ln>
                <a:noFill/>
              </a:ln>
              <a:solidFill>
                <a:srgbClr val="000000"/>
              </a:solidFill>
              <a:effectLst/>
              <a:uLnTx/>
              <a:uFillTx/>
              <a:latin typeface="Arial" charset="0"/>
              <a:ea typeface="+mn-ea"/>
              <a:cs typeface="+mn-cs"/>
            </a:endParaRPr>
          </a:p>
        </p:txBody>
      </p:sp>
    </p:spTree>
    <p:extLst>
      <p:ext uri="{BB962C8B-B14F-4D97-AF65-F5344CB8AC3E}">
        <p14:creationId xmlns:p14="http://schemas.microsoft.com/office/powerpoint/2010/main" val="304007509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g"/><Relationship Id="rId1" Type="http://schemas.openxmlformats.org/officeDocument/2006/relationships/slideMaster" Target="../slideMasters/slideMaster1.xml"/><Relationship Id="rId4" Type="http://schemas.openxmlformats.org/officeDocument/2006/relationships/image" Target="../media/image3.emf"/></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 Id="rId4" Type="http://schemas.openxmlformats.org/officeDocument/2006/relationships/image" Target="../media/image5.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g"/><Relationship Id="rId1" Type="http://schemas.openxmlformats.org/officeDocument/2006/relationships/slideMaster" Target="../slideMasters/slideMaster2.xml"/><Relationship Id="rId4" Type="http://schemas.openxmlformats.org/officeDocument/2006/relationships/image" Target="../media/image3.emf"/></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3.emf"/><Relationship Id="rId1" Type="http://schemas.openxmlformats.org/officeDocument/2006/relationships/slideMaster" Target="../slideMasters/slideMaster2.xml"/><Relationship Id="rId4" Type="http://schemas.openxmlformats.org/officeDocument/2006/relationships/image" Target="../media/image6.png"/></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3.emf"/><Relationship Id="rId1" Type="http://schemas.openxmlformats.org/officeDocument/2006/relationships/slideMaster" Target="../slideMasters/slideMaster2.xml"/><Relationship Id="rId4" Type="http://schemas.openxmlformats.org/officeDocument/2006/relationships/image" Target="../media/image6.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9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9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3.emf"/><Relationship Id="rId1" Type="http://schemas.openxmlformats.org/officeDocument/2006/relationships/slideMaster" Target="../slideMasters/slideMaster2.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ndardforside 1">
    <p:spTree>
      <p:nvGrpSpPr>
        <p:cNvPr id="1" name=""/>
        <p:cNvGrpSpPr/>
        <p:nvPr/>
      </p:nvGrpSpPr>
      <p:grpSpPr>
        <a:xfrm>
          <a:off x="0" y="0"/>
          <a:ext cx="0" cy="0"/>
          <a:chOff x="0" y="0"/>
          <a:chExt cx="0" cy="0"/>
        </a:xfrm>
      </p:grpSpPr>
      <p:pic>
        <p:nvPicPr>
          <p:cNvPr id="2" name="Plassholder for bilde 7">
            <a:extLst>
              <a:ext uri="{FF2B5EF4-FFF2-40B4-BE49-F238E27FC236}">
                <a16:creationId xmlns:a16="http://schemas.microsoft.com/office/drawing/2014/main" id="{9C341B83-C3EE-BDE8-2180-BBE0D841113B}"/>
              </a:ext>
            </a:extLst>
          </p:cNvPr>
          <p:cNvPicPr>
            <a:picLocks noChangeAspect="1"/>
          </p:cNvPicPr>
          <p:nvPr userDrawn="1"/>
        </p:nvPicPr>
        <p:blipFill>
          <a:blip r:embed="rId2"/>
          <a:srcRect t="12913" b="12913"/>
          <a:stretch/>
        </p:blipFill>
        <p:spPr>
          <a:xfrm>
            <a:off x="838199" y="818284"/>
            <a:ext cx="10511434" cy="5219602"/>
          </a:xfrm>
          <a:custGeom>
            <a:avLst/>
            <a:gdLst>
              <a:gd name="connsiteX0" fmla="*/ 224033 w 10509274"/>
              <a:gd name="connsiteY0" fmla="*/ 0 h 5218477"/>
              <a:gd name="connsiteX1" fmla="*/ 7150832 w 10509274"/>
              <a:gd name="connsiteY1" fmla="*/ 0 h 5218477"/>
              <a:gd name="connsiteX2" fmla="*/ 7374864 w 10509274"/>
              <a:gd name="connsiteY2" fmla="*/ 223995 h 5218477"/>
              <a:gd name="connsiteX3" fmla="*/ 7374864 w 10509274"/>
              <a:gd name="connsiteY3" fmla="*/ 930750 h 5218477"/>
              <a:gd name="connsiteX4" fmla="*/ 7791002 w 10509274"/>
              <a:gd name="connsiteY4" fmla="*/ 1046013 h 5218477"/>
              <a:gd name="connsiteX5" fmla="*/ 8353456 w 10509274"/>
              <a:gd name="connsiteY5" fmla="*/ 108731 h 5218477"/>
              <a:gd name="connsiteX6" fmla="*/ 8545559 w 10509274"/>
              <a:gd name="connsiteY6" fmla="*/ 0 h 5218477"/>
              <a:gd name="connsiteX7" fmla="*/ 10285240 w 10509274"/>
              <a:gd name="connsiteY7" fmla="*/ 0 h 5218477"/>
              <a:gd name="connsiteX8" fmla="*/ 10509274 w 10509274"/>
              <a:gd name="connsiteY8" fmla="*/ 223995 h 5218477"/>
              <a:gd name="connsiteX9" fmla="*/ 10509274 w 10509274"/>
              <a:gd name="connsiteY9" fmla="*/ 3416822 h 5218477"/>
              <a:gd name="connsiteX10" fmla="*/ 10477186 w 10509274"/>
              <a:gd name="connsiteY10" fmla="*/ 3532297 h 5218477"/>
              <a:gd name="connsiteX11" fmla="*/ 9527890 w 10509274"/>
              <a:gd name="connsiteY11" fmla="*/ 5109956 h 5218477"/>
              <a:gd name="connsiteX12" fmla="*/ 9335945 w 10509274"/>
              <a:gd name="connsiteY12" fmla="*/ 5218477 h 5218477"/>
              <a:gd name="connsiteX13" fmla="*/ 224033 w 10509274"/>
              <a:gd name="connsiteY13" fmla="*/ 5218477 h 5218477"/>
              <a:gd name="connsiteX14" fmla="*/ 0 w 10509274"/>
              <a:gd name="connsiteY14" fmla="*/ 4994482 h 5218477"/>
              <a:gd name="connsiteX15" fmla="*/ 0 w 10509274"/>
              <a:gd name="connsiteY15" fmla="*/ 223995 h 5218477"/>
              <a:gd name="connsiteX16" fmla="*/ 224033 w 10509274"/>
              <a:gd name="connsiteY16" fmla="*/ 0 h 5218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509274" h="5218477">
                <a:moveTo>
                  <a:pt x="224033" y="0"/>
                </a:moveTo>
                <a:lnTo>
                  <a:pt x="7150832" y="0"/>
                </a:lnTo>
                <a:cubicBezTo>
                  <a:pt x="7274545" y="0"/>
                  <a:pt x="7374864" y="100303"/>
                  <a:pt x="7374864" y="223995"/>
                </a:cubicBezTo>
                <a:lnTo>
                  <a:pt x="7374864" y="930750"/>
                </a:lnTo>
                <a:cubicBezTo>
                  <a:pt x="7374864" y="1157958"/>
                  <a:pt x="7674085" y="1240824"/>
                  <a:pt x="7791002" y="1046013"/>
                </a:cubicBezTo>
                <a:lnTo>
                  <a:pt x="8353456" y="108731"/>
                </a:lnTo>
                <a:cubicBezTo>
                  <a:pt x="8393920" y="41301"/>
                  <a:pt x="8466841" y="0"/>
                  <a:pt x="8545559" y="0"/>
                </a:cubicBezTo>
                <a:lnTo>
                  <a:pt x="10285240" y="0"/>
                </a:lnTo>
                <a:cubicBezTo>
                  <a:pt x="10408954" y="0"/>
                  <a:pt x="10509274" y="100303"/>
                  <a:pt x="10509274" y="223995"/>
                </a:cubicBezTo>
                <a:lnTo>
                  <a:pt x="10509274" y="3416822"/>
                </a:lnTo>
                <a:cubicBezTo>
                  <a:pt x="10509274" y="3457491"/>
                  <a:pt x="10498156" y="3497423"/>
                  <a:pt x="10477186" y="3532297"/>
                </a:cubicBezTo>
                <a:lnTo>
                  <a:pt x="9527890" y="5109956"/>
                </a:lnTo>
                <a:cubicBezTo>
                  <a:pt x="9487373" y="5177281"/>
                  <a:pt x="9414556" y="5218477"/>
                  <a:pt x="9335945" y="5218477"/>
                </a:cubicBezTo>
                <a:lnTo>
                  <a:pt x="224033" y="5218477"/>
                </a:lnTo>
                <a:cubicBezTo>
                  <a:pt x="100320" y="5218477"/>
                  <a:pt x="0" y="5118174"/>
                  <a:pt x="0" y="4994482"/>
                </a:cubicBezTo>
                <a:lnTo>
                  <a:pt x="0" y="223995"/>
                </a:lnTo>
                <a:cubicBezTo>
                  <a:pt x="0" y="100303"/>
                  <a:pt x="100320" y="0"/>
                  <a:pt x="224033" y="0"/>
                </a:cubicBezTo>
                <a:close/>
              </a:path>
            </a:pathLst>
          </a:custGeom>
        </p:spPr>
      </p:pic>
      <p:sp>
        <p:nvSpPr>
          <p:cNvPr id="3" name="Rektangel 1">
            <a:extLst>
              <a:ext uri="{FF2B5EF4-FFF2-40B4-BE49-F238E27FC236}">
                <a16:creationId xmlns:a16="http://schemas.microsoft.com/office/drawing/2014/main" id="{D2B110BE-E7FF-3F9A-C7CE-8945B51DDB4A}"/>
              </a:ext>
            </a:extLst>
          </p:cNvPr>
          <p:cNvSpPr/>
          <p:nvPr userDrawn="1"/>
        </p:nvSpPr>
        <p:spPr>
          <a:xfrm rot="5400000" flipV="1">
            <a:off x="692328" y="-457198"/>
            <a:ext cx="6858003" cy="7772400"/>
          </a:xfrm>
          <a:prstGeom prst="rect">
            <a:avLst/>
          </a:prstGeom>
          <a:gradFill>
            <a:gsLst>
              <a:gs pos="0">
                <a:schemeClr val="tx1"/>
              </a:gs>
              <a:gs pos="99000">
                <a:schemeClr val="tx1">
                  <a:alpha val="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nb-NO" sz="1800" b="0" i="0" u="none" strike="noStrike" kern="1200" cap="none" spc="0" normalizeH="0" baseline="0" noProof="0">
              <a:ln>
                <a:noFill/>
              </a:ln>
              <a:solidFill>
                <a:srgbClr val="E8E3E2"/>
              </a:solidFill>
              <a:effectLst/>
              <a:uLnTx/>
              <a:uFillTx/>
              <a:latin typeface="Calibri" panose="020F0502020204030204"/>
              <a:ea typeface="+mn-ea"/>
              <a:cs typeface="+mn-cs"/>
            </a:endParaRPr>
          </a:p>
        </p:txBody>
      </p:sp>
      <p:pic>
        <p:nvPicPr>
          <p:cNvPr id="4" name="Bilde 1">
            <a:extLst>
              <a:ext uri="{FF2B5EF4-FFF2-40B4-BE49-F238E27FC236}">
                <a16:creationId xmlns:a16="http://schemas.microsoft.com/office/drawing/2014/main" id="{7B9AE7EB-A0D7-11BC-8BF0-9B362A1E9D13}"/>
              </a:ext>
            </a:extLst>
          </p:cNvPr>
          <p:cNvPicPr>
            <a:picLocks noChangeAspect="1"/>
          </p:cNvPicPr>
          <p:nvPr userDrawn="1"/>
        </p:nvPicPr>
        <p:blipFill>
          <a:blip r:embed="rId3"/>
          <a:stretch>
            <a:fillRect/>
          </a:stretch>
        </p:blipFill>
        <p:spPr>
          <a:xfrm>
            <a:off x="1020648" y="985723"/>
            <a:ext cx="5058047" cy="1675899"/>
          </a:xfrm>
          <a:prstGeom prst="rect">
            <a:avLst/>
          </a:prstGeom>
        </p:spPr>
      </p:pic>
      <p:sp>
        <p:nvSpPr>
          <p:cNvPr id="5" name="TextBox 4">
            <a:extLst>
              <a:ext uri="{FF2B5EF4-FFF2-40B4-BE49-F238E27FC236}">
                <a16:creationId xmlns:a16="http://schemas.microsoft.com/office/drawing/2014/main" id="{F3ED505F-107C-591B-4379-C2CEF2AC9316}"/>
              </a:ext>
            </a:extLst>
          </p:cNvPr>
          <p:cNvSpPr txBox="1"/>
          <p:nvPr userDrawn="1"/>
        </p:nvSpPr>
        <p:spPr>
          <a:xfrm>
            <a:off x="6446848" y="5927625"/>
            <a:ext cx="3802325" cy="92333"/>
          </a:xfrm>
          <a:prstGeom prst="rect">
            <a:avLst/>
          </a:prstGeom>
          <a:noFill/>
        </p:spPr>
        <p:txBody>
          <a:bodyPr wrap="square" lIns="36000" tIns="0" rIns="36000" bIns="0" rtlCol="0">
            <a:spAutoFit/>
          </a:bodyPr>
          <a:lstStyle/>
          <a:p>
            <a:pPr algn="r"/>
            <a:r>
              <a:rPr lang="nb-NO" sz="600" i="1" dirty="0">
                <a:solidFill>
                  <a:schemeClr val="bg1"/>
                </a:solidFill>
              </a:rPr>
              <a:t>Håhammeren bro og turvei | Foto: Jo Gaute Fornes</a:t>
            </a:r>
          </a:p>
        </p:txBody>
      </p:sp>
      <p:pic>
        <p:nvPicPr>
          <p:cNvPr id="41" name="Bilde 40">
            <a:extLst>
              <a:ext uri="{FF2B5EF4-FFF2-40B4-BE49-F238E27FC236}">
                <a16:creationId xmlns:a16="http://schemas.microsoft.com/office/drawing/2014/main" id="{59A61231-5D90-F084-BD09-FB9296AC37C8}"/>
              </a:ext>
            </a:extLst>
          </p:cNvPr>
          <p:cNvPicPr>
            <a:picLocks noChangeAspect="1"/>
          </p:cNvPicPr>
          <p:nvPr userDrawn="1"/>
        </p:nvPicPr>
        <p:blipFill>
          <a:blip r:embed="rId4"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6" name="Tittel 1">
            <a:extLst>
              <a:ext uri="{FF2B5EF4-FFF2-40B4-BE49-F238E27FC236}">
                <a16:creationId xmlns:a16="http://schemas.microsoft.com/office/drawing/2014/main" id="{0C1F6C9E-B0CD-409B-F148-6576A0F8E1C7}"/>
              </a:ext>
            </a:extLst>
          </p:cNvPr>
          <p:cNvSpPr>
            <a:spLocks noGrp="1"/>
          </p:cNvSpPr>
          <p:nvPr>
            <p:ph type="title" hasCustomPrompt="1"/>
          </p:nvPr>
        </p:nvSpPr>
        <p:spPr>
          <a:xfrm>
            <a:off x="838199" y="2729878"/>
            <a:ext cx="10477501" cy="2278517"/>
          </a:xfrm>
        </p:spPr>
        <p:txBody>
          <a:bodyPr anchor="b">
            <a:noAutofit/>
          </a:bodyPr>
          <a:lstStyle>
            <a:lvl1pPr algn="l">
              <a:defRPr sz="5400">
                <a:solidFill>
                  <a:schemeClr val="bg2"/>
                </a:solidFill>
                <a:latin typeface="Aptos" panose="020B0004020202020204" pitchFamily="34" charset="0"/>
              </a:defRPr>
            </a:lvl1pPr>
          </a:lstStyle>
          <a:p>
            <a:r>
              <a:rPr lang="nb-NO" dirty="0"/>
              <a:t>Klikk for å redigere tittel</a:t>
            </a:r>
          </a:p>
        </p:txBody>
      </p:sp>
      <p:sp>
        <p:nvSpPr>
          <p:cNvPr id="7" name="Undertittel 2">
            <a:extLst>
              <a:ext uri="{FF2B5EF4-FFF2-40B4-BE49-F238E27FC236}">
                <a16:creationId xmlns:a16="http://schemas.microsoft.com/office/drawing/2014/main" id="{6D6F5A4C-18AF-E7F9-DEC3-99EF60A76A9B}"/>
              </a:ext>
            </a:extLst>
          </p:cNvPr>
          <p:cNvSpPr>
            <a:spLocks noGrp="1"/>
          </p:cNvSpPr>
          <p:nvPr>
            <p:ph type="subTitle" idx="1" hasCustomPrompt="1"/>
          </p:nvPr>
        </p:nvSpPr>
        <p:spPr>
          <a:xfrm>
            <a:off x="838199" y="5123507"/>
            <a:ext cx="10477500" cy="918000"/>
          </a:xfrm>
        </p:spPr>
        <p:txBody>
          <a:bodyPr>
            <a:noAutofit/>
          </a:bodyPr>
          <a:lstStyle>
            <a:lvl1pPr marL="0" indent="0" algn="l">
              <a:buNone/>
              <a:defRPr sz="2000">
                <a:solidFill>
                  <a:schemeClr val="bg2"/>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her for å redigere undertittel</a:t>
            </a:r>
          </a:p>
        </p:txBody>
      </p:sp>
    </p:spTree>
    <p:extLst>
      <p:ext uri="{BB962C8B-B14F-4D97-AF65-F5344CB8AC3E}">
        <p14:creationId xmlns:p14="http://schemas.microsoft.com/office/powerpoint/2010/main" val="1169158357"/>
      </p:ext>
    </p:extLst>
  </p:cSld>
  <p:clrMapOvr>
    <a:overrideClrMapping bg1="lt1" tx1="dk1" bg2="lt2" tx2="dk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Mellomslide 3">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A51597EE-9C80-BED4-B972-F77187939CB5}"/>
              </a:ext>
            </a:extLst>
          </p:cNvPr>
          <p:cNvSpPr>
            <a:spLocks noGrp="1"/>
          </p:cNvSpPr>
          <p:nvPr>
            <p:ph type="ctrTitle" hasCustomPrompt="1"/>
          </p:nvPr>
        </p:nvSpPr>
        <p:spPr>
          <a:xfrm>
            <a:off x="838199" y="827690"/>
            <a:ext cx="4971402" cy="1648421"/>
          </a:xfrm>
        </p:spPr>
        <p:txBody>
          <a:bodyPr anchor="b">
            <a:noAutofit/>
          </a:bodyPr>
          <a:lstStyle>
            <a:lvl1pPr algn="l">
              <a:defRPr sz="4400">
                <a:solidFill>
                  <a:schemeClr val="bg2"/>
                </a:solidFill>
                <a:latin typeface="Aptos" panose="020B0004020202020204" pitchFamily="34" charset="0"/>
              </a:defRPr>
            </a:lvl1pPr>
          </a:lstStyle>
          <a:p>
            <a:r>
              <a:rPr lang="nb-NO" dirty="0"/>
              <a:t>Klikk for å redigere tittel</a:t>
            </a:r>
          </a:p>
        </p:txBody>
      </p:sp>
      <p:sp>
        <p:nvSpPr>
          <p:cNvPr id="3" name="Undertittel 2">
            <a:extLst>
              <a:ext uri="{FF2B5EF4-FFF2-40B4-BE49-F238E27FC236}">
                <a16:creationId xmlns:a16="http://schemas.microsoft.com/office/drawing/2014/main" id="{6C16562C-6679-120E-9543-2FB6648D17D1}"/>
              </a:ext>
            </a:extLst>
          </p:cNvPr>
          <p:cNvSpPr>
            <a:spLocks noGrp="1"/>
          </p:cNvSpPr>
          <p:nvPr>
            <p:ph type="subTitle" idx="1" hasCustomPrompt="1"/>
          </p:nvPr>
        </p:nvSpPr>
        <p:spPr>
          <a:xfrm>
            <a:off x="838199" y="2620149"/>
            <a:ext cx="4971402" cy="3419792"/>
          </a:xfrm>
        </p:spPr>
        <p:txBody>
          <a:bodyPr>
            <a:noAutofit/>
          </a:bodyPr>
          <a:lstStyle>
            <a:lvl1pPr marL="0" indent="0" algn="l">
              <a:buNone/>
              <a:defRPr sz="2000">
                <a:solidFill>
                  <a:schemeClr val="bg2"/>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her for å redigere undertittel</a:t>
            </a:r>
          </a:p>
        </p:txBody>
      </p:sp>
      <p:pic>
        <p:nvPicPr>
          <p:cNvPr id="4" name="Bilde 3">
            <a:extLst>
              <a:ext uri="{FF2B5EF4-FFF2-40B4-BE49-F238E27FC236}">
                <a16:creationId xmlns:a16="http://schemas.microsoft.com/office/drawing/2014/main" id="{DCFC6F05-CC25-3847-DE7E-E810DF531BF6}"/>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8" name="Bilde 7">
            <a:extLst>
              <a:ext uri="{FF2B5EF4-FFF2-40B4-BE49-F238E27FC236}">
                <a16:creationId xmlns:a16="http://schemas.microsoft.com/office/drawing/2014/main" id="{549FC9F5-99DD-1F7B-8314-12867514399A}"/>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Plassholder for bilde 9">
            <a:extLst>
              <a:ext uri="{FF2B5EF4-FFF2-40B4-BE49-F238E27FC236}">
                <a16:creationId xmlns:a16="http://schemas.microsoft.com/office/drawing/2014/main" id="{D2F217D4-8B90-9CD5-3D8D-40CACBBD69C6}"/>
              </a:ext>
            </a:extLst>
          </p:cNvPr>
          <p:cNvSpPr>
            <a:spLocks noGrp="1"/>
          </p:cNvSpPr>
          <p:nvPr>
            <p:ph type="pic" sz="quarter" idx="14" hasCustomPrompt="1"/>
          </p:nvPr>
        </p:nvSpPr>
        <p:spPr>
          <a:xfrm>
            <a:off x="6139543" y="827690"/>
            <a:ext cx="5212251" cy="5212251"/>
          </a:xfrm>
          <a:custGeom>
            <a:avLst/>
            <a:gdLst>
              <a:gd name="connsiteX0" fmla="*/ 1115078 w 4971402"/>
              <a:gd name="connsiteY0" fmla="*/ 0 h 4971402"/>
              <a:gd name="connsiteX1" fmla="*/ 4758012 w 4971402"/>
              <a:gd name="connsiteY1" fmla="*/ 0 h 4971402"/>
              <a:gd name="connsiteX2" fmla="*/ 4971402 w 4971402"/>
              <a:gd name="connsiteY2" fmla="*/ 213390 h 4971402"/>
              <a:gd name="connsiteX3" fmla="*/ 4971402 w 4971402"/>
              <a:gd name="connsiteY3" fmla="*/ 4758012 h 4971402"/>
              <a:gd name="connsiteX4" fmla="*/ 4758012 w 4971402"/>
              <a:gd name="connsiteY4" fmla="*/ 4971402 h 4971402"/>
              <a:gd name="connsiteX5" fmla="*/ 2201951 w 4971402"/>
              <a:gd name="connsiteY5" fmla="*/ 4971402 h 4971402"/>
              <a:gd name="connsiteX6" fmla="*/ 1988561 w 4971402"/>
              <a:gd name="connsiteY6" fmla="*/ 4758012 h 4971402"/>
              <a:gd name="connsiteX7" fmla="*/ 1988561 w 4971402"/>
              <a:gd name="connsiteY7" fmla="*/ 4084669 h 4971402"/>
              <a:gd name="connsiteX8" fmla="*/ 1592194 w 4971402"/>
              <a:gd name="connsiteY8" fmla="*/ 3974863 h 4971402"/>
              <a:gd name="connsiteX9" fmla="*/ 1056461 w 4971402"/>
              <a:gd name="connsiteY9" fmla="*/ 4867768 h 4971402"/>
              <a:gd name="connsiteX10" fmla="*/ 873483 w 4971402"/>
              <a:gd name="connsiteY10" fmla="*/ 4971352 h 4971402"/>
              <a:gd name="connsiteX11" fmla="*/ 213390 w 4971402"/>
              <a:gd name="connsiteY11" fmla="*/ 4971352 h 4971402"/>
              <a:gd name="connsiteX12" fmla="*/ 0 w 4971402"/>
              <a:gd name="connsiteY12" fmla="*/ 4757962 h 4971402"/>
              <a:gd name="connsiteX13" fmla="*/ 0 w 4971402"/>
              <a:gd name="connsiteY13" fmla="*/ 1716253 h 4971402"/>
              <a:gd name="connsiteX14" fmla="*/ 30413 w 4971402"/>
              <a:gd name="connsiteY14" fmla="*/ 1606446 h 4971402"/>
              <a:gd name="connsiteX15" fmla="*/ 932100 w 4971402"/>
              <a:gd name="connsiteY15" fmla="*/ 103583 h 4971402"/>
              <a:gd name="connsiteX16" fmla="*/ 1115078 w 4971402"/>
              <a:gd name="connsiteY16" fmla="*/ 0 h 4971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971402" h="4971402">
                <a:moveTo>
                  <a:pt x="1115078" y="0"/>
                </a:moveTo>
                <a:lnTo>
                  <a:pt x="4758012" y="0"/>
                </a:lnTo>
                <a:cubicBezTo>
                  <a:pt x="4875848" y="0"/>
                  <a:pt x="4971402" y="95554"/>
                  <a:pt x="4971402" y="213390"/>
                </a:cubicBezTo>
                <a:lnTo>
                  <a:pt x="4971402" y="4758012"/>
                </a:lnTo>
                <a:cubicBezTo>
                  <a:pt x="4971402" y="4875848"/>
                  <a:pt x="4875848" y="4971402"/>
                  <a:pt x="4758012" y="4971402"/>
                </a:cubicBezTo>
                <a:lnTo>
                  <a:pt x="2201951" y="4971402"/>
                </a:lnTo>
                <a:cubicBezTo>
                  <a:pt x="2084114" y="4971402"/>
                  <a:pt x="1988561" y="4875848"/>
                  <a:pt x="1988561" y="4758012"/>
                </a:cubicBezTo>
                <a:lnTo>
                  <a:pt x="1988561" y="4084669"/>
                </a:lnTo>
                <a:cubicBezTo>
                  <a:pt x="1988561" y="3868268"/>
                  <a:pt x="1703556" y="3789276"/>
                  <a:pt x="1592194" y="3974863"/>
                </a:cubicBezTo>
                <a:lnTo>
                  <a:pt x="1056461" y="4867768"/>
                </a:lnTo>
                <a:cubicBezTo>
                  <a:pt x="1017918" y="4932056"/>
                  <a:pt x="948461" y="4971352"/>
                  <a:pt x="873483" y="4971352"/>
                </a:cubicBezTo>
                <a:lnTo>
                  <a:pt x="213390" y="4971352"/>
                </a:lnTo>
                <a:cubicBezTo>
                  <a:pt x="95554" y="4971352"/>
                  <a:pt x="0" y="4875798"/>
                  <a:pt x="0" y="4757962"/>
                </a:cubicBezTo>
                <a:lnTo>
                  <a:pt x="0" y="1716253"/>
                </a:lnTo>
                <a:cubicBezTo>
                  <a:pt x="0" y="1677559"/>
                  <a:pt x="10489" y="1639619"/>
                  <a:pt x="30413" y="1606446"/>
                </a:cubicBezTo>
                <a:lnTo>
                  <a:pt x="932100" y="103583"/>
                </a:lnTo>
                <a:cubicBezTo>
                  <a:pt x="970693" y="39346"/>
                  <a:pt x="1040150" y="0"/>
                  <a:pt x="1115078" y="0"/>
                </a:cubicBezTo>
                <a:close/>
              </a:path>
            </a:pathLst>
          </a:custGeom>
        </p:spPr>
        <p:txBody>
          <a:bodyPr wrap="square" anchor="ctr">
            <a:noAutofit/>
          </a:bodyPr>
          <a:lstStyle>
            <a:lvl1pPr marL="0" indent="0" algn="ctr">
              <a:buNone/>
              <a:defRPr>
                <a:solidFill>
                  <a:schemeClr val="bg2"/>
                </a:solidFill>
                <a:latin typeface="Aptos" panose="020B0004020202020204" pitchFamily="34" charset="0"/>
              </a:defRPr>
            </a:lvl1pPr>
          </a:lstStyle>
          <a:p>
            <a:r>
              <a:rPr lang="nb-NO" dirty="0"/>
              <a:t>Klikk på ikonet for å legge til et bilde</a:t>
            </a:r>
          </a:p>
          <a:p>
            <a:endParaRPr lang="nb-NO" dirty="0"/>
          </a:p>
          <a:p>
            <a:endParaRPr lang="nb-NO" dirty="0"/>
          </a:p>
        </p:txBody>
      </p:sp>
    </p:spTree>
    <p:extLst>
      <p:ext uri="{BB962C8B-B14F-4D97-AF65-F5344CB8AC3E}">
        <p14:creationId xmlns:p14="http://schemas.microsoft.com/office/powerpoint/2010/main" val="2360368739"/>
      </p:ext>
    </p:extLst>
  </p:cSld>
  <p:clrMapOvr>
    <a:overrideClrMapping bg1="lt1" tx1="dk1" bg2="lt2" tx2="dk2" accent1="accent1" accent2="accent2" accent3="accent3" accent4="accent4" accent5="accent5" accent6="accent6" hlink="hlink" folHlink="folHlink"/>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09601" y="273050"/>
            <a:ext cx="4011084" cy="1162050"/>
          </a:xfrm>
        </p:spPr>
        <p:txBody>
          <a:bodyPr anchor="b"/>
          <a:lstStyle>
            <a:lvl1pPr algn="l">
              <a:defRPr sz="2000" b="1"/>
            </a:lvl1pPr>
          </a:lstStyle>
          <a:p>
            <a:r>
              <a:rPr lang="en-US"/>
              <a:t>Click to edit Master title style</a:t>
            </a:r>
          </a:p>
        </p:txBody>
      </p:sp>
      <p:sp>
        <p:nvSpPr>
          <p:cNvPr id="3" name="Content Placeholder 2"/>
          <p:cNvSpPr>
            <a:spLocks noGrp="1"/>
          </p:cNvSpPr>
          <p:nvPr>
            <p:ph idx="1"/>
          </p:nvPr>
        </p:nvSpPr>
        <p:spPr>
          <a:xfrm>
            <a:off x="4766733" y="273051"/>
            <a:ext cx="6815667" cy="5853113"/>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p:cNvSpPr>
            <a:spLocks noGrp="1"/>
          </p:cNvSpPr>
          <p:nvPr>
            <p:ph type="body" sz="half" idx="2"/>
          </p:nvPr>
        </p:nvSpPr>
        <p:spPr>
          <a:xfrm>
            <a:off x="609601" y="1435101"/>
            <a:ext cx="4011084" cy="4691063"/>
          </a:xfrm>
        </p:spPr>
        <p:txBody>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Footer Placeholder 4"/>
          <p:cNvSpPr>
            <a:spLocks noGrp="1"/>
          </p:cNvSpPr>
          <p:nvPr>
            <p:ph type="ftr" sz="quarter" idx="10"/>
          </p:nvPr>
        </p:nvSpPr>
        <p:spPr/>
        <p:txBody>
          <a:bodyPr/>
          <a:lstStyle>
            <a:lvl1pPr>
              <a:defRPr/>
            </a:lvl1pPr>
          </a:lstStyle>
          <a:p>
            <a:pPr>
              <a:defRPr/>
            </a:pPr>
            <a:r>
              <a:rPr lang="nb-NO"/>
              <a:t>NfN - NORSK NETTVERK FOR NÆRINGSEIENDOM</a:t>
            </a:r>
            <a:r>
              <a:rPr lang="nb-NO" b="0">
                <a:solidFill>
                  <a:schemeClr val="accent1"/>
                </a:solidFill>
              </a:rPr>
              <a:t> </a:t>
            </a:r>
            <a:r>
              <a:rPr lang="nb-NO"/>
              <a:t>Norwegian Facility Management Network</a:t>
            </a:r>
            <a:endParaRPr lang="en-US"/>
          </a:p>
        </p:txBody>
      </p:sp>
      <p:sp>
        <p:nvSpPr>
          <p:cNvPr id="6" name="Slide Number Placeholder 5"/>
          <p:cNvSpPr>
            <a:spLocks noGrp="1"/>
          </p:cNvSpPr>
          <p:nvPr>
            <p:ph type="sldNum" sz="quarter" idx="11"/>
          </p:nvPr>
        </p:nvSpPr>
        <p:spPr/>
        <p:txBody>
          <a:bodyPr/>
          <a:lstStyle>
            <a:lvl1pPr>
              <a:defRPr/>
            </a:lvl1pPr>
          </a:lstStyle>
          <a:p>
            <a:pPr>
              <a:defRPr/>
            </a:pPr>
            <a:fld id="{38FE6D3A-BFC3-4967-81C9-0EF2E3269CAD}" type="slidenum">
              <a:rPr lang="en-US"/>
              <a:pPr>
                <a:defRPr/>
              </a:pPr>
              <a:t>‹#›</a:t>
            </a:fld>
            <a:endParaRPr lang="en-US"/>
          </a:p>
        </p:txBody>
      </p:sp>
      <p:sp>
        <p:nvSpPr>
          <p:cNvPr id="7" name="Date Placeholder 6"/>
          <p:cNvSpPr>
            <a:spLocks noGrp="1"/>
          </p:cNvSpPr>
          <p:nvPr>
            <p:ph type="dt" sz="half" idx="12"/>
          </p:nvPr>
        </p:nvSpPr>
        <p:spPr/>
        <p:txBody>
          <a:bodyPr/>
          <a:lstStyle>
            <a:lvl1pPr>
              <a:defRPr/>
            </a:lvl1pPr>
          </a:lstStyle>
          <a:p>
            <a:pPr>
              <a:defRPr/>
            </a:pPr>
            <a:endParaRPr lang="en-US"/>
          </a:p>
        </p:txBody>
      </p:sp>
    </p:spTree>
    <p:extLst>
      <p:ext uri="{BB962C8B-B14F-4D97-AF65-F5344CB8AC3E}">
        <p14:creationId xmlns:p14="http://schemas.microsoft.com/office/powerpoint/2010/main" val="3687362966"/>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2389717" y="4800600"/>
            <a:ext cx="7315200" cy="566738"/>
          </a:xfrm>
        </p:spPr>
        <p:txBody>
          <a:bodyPr anchor="b"/>
          <a:lstStyle>
            <a:lvl1pPr algn="l">
              <a:defRPr sz="2000" b="1"/>
            </a:lvl1pPr>
          </a:lstStyle>
          <a:p>
            <a:r>
              <a:rPr lang="en-US"/>
              <a:t>Click to edit Master title style</a:t>
            </a:r>
          </a:p>
        </p:txBody>
      </p:sp>
      <p:sp>
        <p:nvSpPr>
          <p:cNvPr id="3" name="Picture Placeholder 2"/>
          <p:cNvSpPr>
            <a:spLocks noGrp="1"/>
          </p:cNvSpPr>
          <p:nvPr>
            <p:ph type="pic" idx="1"/>
          </p:nvPr>
        </p:nvSpPr>
        <p:spPr>
          <a:xfrm>
            <a:off x="2389717" y="612775"/>
            <a:ext cx="7315200" cy="4114800"/>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pPr lvl="0"/>
            <a:endParaRPr lang="en-US" noProof="0"/>
          </a:p>
        </p:txBody>
      </p:sp>
      <p:sp>
        <p:nvSpPr>
          <p:cNvPr id="4" name="Text Placeholder 3"/>
          <p:cNvSpPr>
            <a:spLocks noGrp="1"/>
          </p:cNvSpPr>
          <p:nvPr>
            <p:ph type="body" sz="half" idx="2"/>
          </p:nvPr>
        </p:nvSpPr>
        <p:spPr>
          <a:xfrm>
            <a:off x="2389717" y="5367338"/>
            <a:ext cx="7315200" cy="804862"/>
          </a:xfrm>
        </p:spPr>
        <p:txBody>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Footer Placeholder 4"/>
          <p:cNvSpPr>
            <a:spLocks noGrp="1"/>
          </p:cNvSpPr>
          <p:nvPr>
            <p:ph type="ftr" sz="quarter" idx="10"/>
          </p:nvPr>
        </p:nvSpPr>
        <p:spPr/>
        <p:txBody>
          <a:bodyPr/>
          <a:lstStyle>
            <a:lvl1pPr>
              <a:defRPr/>
            </a:lvl1pPr>
          </a:lstStyle>
          <a:p>
            <a:pPr>
              <a:defRPr/>
            </a:pPr>
            <a:r>
              <a:rPr lang="nb-NO"/>
              <a:t>NfN - NORSK NETTVERK FOR NÆRINGSEIENDOM</a:t>
            </a:r>
            <a:r>
              <a:rPr lang="nb-NO" b="0">
                <a:solidFill>
                  <a:schemeClr val="accent1"/>
                </a:solidFill>
              </a:rPr>
              <a:t> </a:t>
            </a:r>
            <a:r>
              <a:rPr lang="nb-NO"/>
              <a:t>Norwegian Facility Management Network</a:t>
            </a:r>
            <a:endParaRPr lang="en-US"/>
          </a:p>
        </p:txBody>
      </p:sp>
      <p:sp>
        <p:nvSpPr>
          <p:cNvPr id="6" name="Slide Number Placeholder 5"/>
          <p:cNvSpPr>
            <a:spLocks noGrp="1"/>
          </p:cNvSpPr>
          <p:nvPr>
            <p:ph type="sldNum" sz="quarter" idx="11"/>
          </p:nvPr>
        </p:nvSpPr>
        <p:spPr/>
        <p:txBody>
          <a:bodyPr/>
          <a:lstStyle>
            <a:lvl1pPr>
              <a:defRPr/>
            </a:lvl1pPr>
          </a:lstStyle>
          <a:p>
            <a:pPr>
              <a:defRPr/>
            </a:pPr>
            <a:fld id="{D0E6DF0E-2B52-425B-8179-8C687A88140C}" type="slidenum">
              <a:rPr lang="en-US"/>
              <a:pPr>
                <a:defRPr/>
              </a:pPr>
              <a:t>‹#›</a:t>
            </a:fld>
            <a:endParaRPr lang="en-US"/>
          </a:p>
        </p:txBody>
      </p:sp>
      <p:sp>
        <p:nvSpPr>
          <p:cNvPr id="7" name="Date Placeholder 6"/>
          <p:cNvSpPr>
            <a:spLocks noGrp="1"/>
          </p:cNvSpPr>
          <p:nvPr>
            <p:ph type="dt" sz="half" idx="12"/>
          </p:nvPr>
        </p:nvSpPr>
        <p:spPr/>
        <p:txBody>
          <a:bodyPr/>
          <a:lstStyle>
            <a:lvl1pPr>
              <a:defRPr/>
            </a:lvl1pPr>
          </a:lstStyle>
          <a:p>
            <a:pPr>
              <a:defRPr/>
            </a:pPr>
            <a:endParaRPr lang="en-US"/>
          </a:p>
        </p:txBody>
      </p:sp>
    </p:spTree>
    <p:extLst>
      <p:ext uri="{BB962C8B-B14F-4D97-AF65-F5344CB8AC3E}">
        <p14:creationId xmlns:p14="http://schemas.microsoft.com/office/powerpoint/2010/main" val="184094156"/>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Footer Placeholder 3"/>
          <p:cNvSpPr>
            <a:spLocks noGrp="1"/>
          </p:cNvSpPr>
          <p:nvPr>
            <p:ph type="ftr" sz="quarter" idx="10"/>
          </p:nvPr>
        </p:nvSpPr>
        <p:spPr/>
        <p:txBody>
          <a:bodyPr/>
          <a:lstStyle>
            <a:lvl1pPr>
              <a:defRPr/>
            </a:lvl1pPr>
          </a:lstStyle>
          <a:p>
            <a:pPr>
              <a:defRPr/>
            </a:pPr>
            <a:r>
              <a:rPr lang="nb-NO"/>
              <a:t>NfN - NORSK NETTVERK FOR NÆRINGSEIENDOM</a:t>
            </a:r>
            <a:r>
              <a:rPr lang="nb-NO" b="0">
                <a:solidFill>
                  <a:schemeClr val="accent1"/>
                </a:solidFill>
              </a:rPr>
              <a:t> </a:t>
            </a:r>
            <a:r>
              <a:rPr lang="nb-NO"/>
              <a:t>Norwegian Facility Management Network</a:t>
            </a:r>
            <a:endParaRPr lang="en-US"/>
          </a:p>
        </p:txBody>
      </p:sp>
      <p:sp>
        <p:nvSpPr>
          <p:cNvPr id="5" name="Slide Number Placeholder 4"/>
          <p:cNvSpPr>
            <a:spLocks noGrp="1"/>
          </p:cNvSpPr>
          <p:nvPr>
            <p:ph type="sldNum" sz="quarter" idx="11"/>
          </p:nvPr>
        </p:nvSpPr>
        <p:spPr/>
        <p:txBody>
          <a:bodyPr/>
          <a:lstStyle>
            <a:lvl1pPr>
              <a:defRPr/>
            </a:lvl1pPr>
          </a:lstStyle>
          <a:p>
            <a:pPr>
              <a:defRPr/>
            </a:pPr>
            <a:fld id="{7AB3B317-63D3-494F-B64A-E79E7B2121F7}" type="slidenum">
              <a:rPr lang="en-US"/>
              <a:pPr>
                <a:defRPr/>
              </a:pPr>
              <a:t>‹#›</a:t>
            </a:fld>
            <a:endParaRPr lang="en-US"/>
          </a:p>
        </p:txBody>
      </p:sp>
      <p:sp>
        <p:nvSpPr>
          <p:cNvPr id="6" name="Date Placeholder 5"/>
          <p:cNvSpPr>
            <a:spLocks noGrp="1"/>
          </p:cNvSpPr>
          <p:nvPr>
            <p:ph type="dt" sz="half" idx="12"/>
          </p:nvPr>
        </p:nvSpPr>
        <p:spPr/>
        <p:txBody>
          <a:bodyPr/>
          <a:lstStyle>
            <a:lvl1pPr>
              <a:defRPr/>
            </a:lvl1pPr>
          </a:lstStyle>
          <a:p>
            <a:pPr>
              <a:defRPr/>
            </a:pPr>
            <a:endParaRPr lang="en-US"/>
          </a:p>
        </p:txBody>
      </p:sp>
    </p:spTree>
    <p:extLst>
      <p:ext uri="{BB962C8B-B14F-4D97-AF65-F5344CB8AC3E}">
        <p14:creationId xmlns:p14="http://schemas.microsoft.com/office/powerpoint/2010/main" val="1969157572"/>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839200" y="457200"/>
            <a:ext cx="2743200" cy="5410200"/>
          </a:xfrm>
        </p:spPr>
        <p:txBody>
          <a:bodyPr vert="eaVert"/>
          <a:lstStyle/>
          <a:p>
            <a:r>
              <a:rPr lang="en-US"/>
              <a:t>Click to edit Master title style</a:t>
            </a:r>
          </a:p>
        </p:txBody>
      </p:sp>
      <p:sp>
        <p:nvSpPr>
          <p:cNvPr id="3" name="Vertical Text Placeholder 2"/>
          <p:cNvSpPr>
            <a:spLocks noGrp="1"/>
          </p:cNvSpPr>
          <p:nvPr>
            <p:ph type="body" orient="vert" idx="1"/>
          </p:nvPr>
        </p:nvSpPr>
        <p:spPr>
          <a:xfrm>
            <a:off x="609600" y="457200"/>
            <a:ext cx="8026400" cy="54102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Footer Placeholder 3"/>
          <p:cNvSpPr>
            <a:spLocks noGrp="1"/>
          </p:cNvSpPr>
          <p:nvPr>
            <p:ph type="ftr" sz="quarter" idx="10"/>
          </p:nvPr>
        </p:nvSpPr>
        <p:spPr/>
        <p:txBody>
          <a:bodyPr/>
          <a:lstStyle>
            <a:lvl1pPr>
              <a:defRPr/>
            </a:lvl1pPr>
          </a:lstStyle>
          <a:p>
            <a:pPr>
              <a:defRPr/>
            </a:pPr>
            <a:r>
              <a:rPr lang="nb-NO"/>
              <a:t>NfN - NORSK NETTVERK FOR NÆRINGSEIENDOM</a:t>
            </a:r>
            <a:r>
              <a:rPr lang="nb-NO" b="0">
                <a:solidFill>
                  <a:schemeClr val="accent1"/>
                </a:solidFill>
              </a:rPr>
              <a:t> </a:t>
            </a:r>
            <a:r>
              <a:rPr lang="nb-NO"/>
              <a:t>Norwegian Facility Management Network</a:t>
            </a:r>
            <a:endParaRPr lang="en-US"/>
          </a:p>
        </p:txBody>
      </p:sp>
      <p:sp>
        <p:nvSpPr>
          <p:cNvPr id="5" name="Slide Number Placeholder 4"/>
          <p:cNvSpPr>
            <a:spLocks noGrp="1"/>
          </p:cNvSpPr>
          <p:nvPr>
            <p:ph type="sldNum" sz="quarter" idx="11"/>
          </p:nvPr>
        </p:nvSpPr>
        <p:spPr/>
        <p:txBody>
          <a:bodyPr/>
          <a:lstStyle>
            <a:lvl1pPr>
              <a:defRPr/>
            </a:lvl1pPr>
          </a:lstStyle>
          <a:p>
            <a:pPr>
              <a:defRPr/>
            </a:pPr>
            <a:fld id="{92D2F7FA-F07E-4CD7-B3DE-3F8683E06D8E}" type="slidenum">
              <a:rPr lang="en-US"/>
              <a:pPr>
                <a:defRPr/>
              </a:pPr>
              <a:t>‹#›</a:t>
            </a:fld>
            <a:endParaRPr lang="en-US"/>
          </a:p>
        </p:txBody>
      </p:sp>
      <p:sp>
        <p:nvSpPr>
          <p:cNvPr id="6" name="Date Placeholder 5"/>
          <p:cNvSpPr>
            <a:spLocks noGrp="1"/>
          </p:cNvSpPr>
          <p:nvPr>
            <p:ph type="dt" sz="half" idx="12"/>
          </p:nvPr>
        </p:nvSpPr>
        <p:spPr/>
        <p:txBody>
          <a:bodyPr/>
          <a:lstStyle>
            <a:lvl1pPr>
              <a:defRPr/>
            </a:lvl1pPr>
          </a:lstStyle>
          <a:p>
            <a:pPr>
              <a:defRPr/>
            </a:pPr>
            <a:endParaRPr lang="en-US"/>
          </a:p>
        </p:txBody>
      </p:sp>
    </p:spTree>
    <p:extLst>
      <p:ext uri="{BB962C8B-B14F-4D97-AF65-F5344CB8AC3E}">
        <p14:creationId xmlns:p14="http://schemas.microsoft.com/office/powerpoint/2010/main" val="3184129629"/>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type="objOnly" preserve="1">
  <p:cSld name="Content">
    <p:spTree>
      <p:nvGrpSpPr>
        <p:cNvPr id="1" name=""/>
        <p:cNvGrpSpPr/>
        <p:nvPr/>
      </p:nvGrpSpPr>
      <p:grpSpPr>
        <a:xfrm>
          <a:off x="0" y="0"/>
          <a:ext cx="0" cy="0"/>
          <a:chOff x="0" y="0"/>
          <a:chExt cx="0" cy="0"/>
        </a:xfrm>
      </p:grpSpPr>
      <p:sp>
        <p:nvSpPr>
          <p:cNvPr id="2" name="Content Placeholder 1"/>
          <p:cNvSpPr>
            <a:spLocks noGrp="1"/>
          </p:cNvSpPr>
          <p:nvPr>
            <p:ph/>
          </p:nvPr>
        </p:nvSpPr>
        <p:spPr>
          <a:xfrm>
            <a:off x="609600" y="457200"/>
            <a:ext cx="10972800" cy="54102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Footer Placeholder 2"/>
          <p:cNvSpPr>
            <a:spLocks noGrp="1"/>
          </p:cNvSpPr>
          <p:nvPr>
            <p:ph type="ftr" sz="quarter" idx="10"/>
          </p:nvPr>
        </p:nvSpPr>
        <p:spPr/>
        <p:txBody>
          <a:bodyPr/>
          <a:lstStyle>
            <a:lvl1pPr>
              <a:defRPr/>
            </a:lvl1pPr>
          </a:lstStyle>
          <a:p>
            <a:pPr>
              <a:defRPr/>
            </a:pPr>
            <a:r>
              <a:rPr lang="nb-NO"/>
              <a:t>NfN - NORSK NETTVERK FOR NÆRINGSEIENDOM</a:t>
            </a:r>
            <a:r>
              <a:rPr lang="nb-NO" b="0">
                <a:solidFill>
                  <a:schemeClr val="accent1"/>
                </a:solidFill>
              </a:rPr>
              <a:t> </a:t>
            </a:r>
            <a:r>
              <a:rPr lang="nb-NO"/>
              <a:t>Norwegian Facility Management Network</a:t>
            </a:r>
            <a:endParaRPr lang="en-US"/>
          </a:p>
        </p:txBody>
      </p:sp>
      <p:sp>
        <p:nvSpPr>
          <p:cNvPr id="4" name="Slide Number Placeholder 3"/>
          <p:cNvSpPr>
            <a:spLocks noGrp="1"/>
          </p:cNvSpPr>
          <p:nvPr>
            <p:ph type="sldNum" sz="quarter" idx="11"/>
          </p:nvPr>
        </p:nvSpPr>
        <p:spPr/>
        <p:txBody>
          <a:bodyPr/>
          <a:lstStyle>
            <a:lvl1pPr>
              <a:defRPr/>
            </a:lvl1pPr>
          </a:lstStyle>
          <a:p>
            <a:pPr>
              <a:defRPr/>
            </a:pPr>
            <a:fld id="{D2414C12-0497-4289-AB5C-4983EB45CF18}" type="slidenum">
              <a:rPr lang="en-US"/>
              <a:pPr>
                <a:defRPr/>
              </a:pPr>
              <a:t>‹#›</a:t>
            </a:fld>
            <a:endParaRPr lang="en-US"/>
          </a:p>
        </p:txBody>
      </p:sp>
      <p:sp>
        <p:nvSpPr>
          <p:cNvPr id="5" name="Date Placeholder 4"/>
          <p:cNvSpPr>
            <a:spLocks noGrp="1"/>
          </p:cNvSpPr>
          <p:nvPr>
            <p:ph type="dt" sz="half" idx="12"/>
          </p:nvPr>
        </p:nvSpPr>
        <p:spPr/>
        <p:txBody>
          <a:bodyPr/>
          <a:lstStyle>
            <a:lvl1pPr>
              <a:defRPr/>
            </a:lvl1pPr>
          </a:lstStyle>
          <a:p>
            <a:pPr>
              <a:defRPr/>
            </a:pPr>
            <a:endParaRPr lang="en-US"/>
          </a:p>
        </p:txBody>
      </p:sp>
    </p:spTree>
    <p:extLst>
      <p:ext uri="{BB962C8B-B14F-4D97-AF65-F5344CB8AC3E}">
        <p14:creationId xmlns:p14="http://schemas.microsoft.com/office/powerpoint/2010/main" val="286459153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 Tekst">
    <p:spTree>
      <p:nvGrpSpPr>
        <p:cNvPr id="1" name=""/>
        <p:cNvGrpSpPr/>
        <p:nvPr/>
      </p:nvGrpSpPr>
      <p:grpSpPr>
        <a:xfrm>
          <a:off x="0" y="0"/>
          <a:ext cx="0" cy="0"/>
          <a:chOff x="0" y="0"/>
          <a:chExt cx="0" cy="0"/>
        </a:xfrm>
      </p:grpSpPr>
      <p:sp>
        <p:nvSpPr>
          <p:cNvPr id="3" name="Plassholder for innhold 2">
            <a:extLst>
              <a:ext uri="{FF2B5EF4-FFF2-40B4-BE49-F238E27FC236}">
                <a16:creationId xmlns:a16="http://schemas.microsoft.com/office/drawing/2014/main" id="{DA068950-0913-7A99-7DBF-9B59DC6D1B9D}"/>
              </a:ext>
            </a:extLst>
          </p:cNvPr>
          <p:cNvSpPr>
            <a:spLocks noGrp="1"/>
          </p:cNvSpPr>
          <p:nvPr>
            <p:ph idx="1" hasCustomPrompt="1"/>
          </p:nvPr>
        </p:nvSpPr>
        <p:spPr>
          <a:xfrm>
            <a:off x="838200" y="1440000"/>
            <a:ext cx="10515600" cy="4606078"/>
          </a:xfrm>
        </p:spPr>
        <p:txBody>
          <a:bodyPr anchor="t">
            <a:noAutofit/>
          </a:bodyPr>
          <a:lstStyle>
            <a:lvl1pPr marL="342900" indent="-342900">
              <a:buFont typeface="Arial" panose="020B0604020202020204" pitchFamily="34" charset="0"/>
              <a:buChar char="•"/>
              <a:defRPr>
                <a:solidFill>
                  <a:schemeClr val="bg2"/>
                </a:solidFill>
                <a:latin typeface="Aptos" panose="020B0004020202020204" pitchFamily="34" charset="0"/>
              </a:defRPr>
            </a:lvl1pPr>
            <a:lvl2pPr>
              <a:defRPr>
                <a:solidFill>
                  <a:schemeClr val="bg2"/>
                </a:solidFill>
                <a:latin typeface="Aptos" panose="020B0004020202020204" pitchFamily="34" charset="0"/>
              </a:defRPr>
            </a:lvl2pPr>
            <a:lvl3pPr>
              <a:defRPr>
                <a:solidFill>
                  <a:schemeClr val="bg2"/>
                </a:solidFill>
                <a:latin typeface="Aptos" panose="020B0004020202020204" pitchFamily="34" charset="0"/>
              </a:defRPr>
            </a:lvl3pPr>
            <a:lvl4pPr>
              <a:defRPr>
                <a:solidFill>
                  <a:schemeClr val="bg2"/>
                </a:solidFill>
                <a:latin typeface="Aptos" panose="020B0004020202020204" pitchFamily="34" charset="0"/>
              </a:defRPr>
            </a:lvl4pPr>
            <a:lvl5pPr>
              <a:defRPr>
                <a:solidFill>
                  <a:schemeClr val="bg2"/>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pic>
        <p:nvPicPr>
          <p:cNvPr id="4" name="Bilde 3">
            <a:extLst>
              <a:ext uri="{FF2B5EF4-FFF2-40B4-BE49-F238E27FC236}">
                <a16:creationId xmlns:a16="http://schemas.microsoft.com/office/drawing/2014/main" id="{5764516E-1D78-40C4-7AF8-F3A34FDF1054}"/>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C94B3E6E-374B-B8F0-0E98-7986167B30FD}"/>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Tittel 1">
            <a:extLst>
              <a:ext uri="{FF2B5EF4-FFF2-40B4-BE49-F238E27FC236}">
                <a16:creationId xmlns:a16="http://schemas.microsoft.com/office/drawing/2014/main" id="{E62D2E84-2EE0-2425-2083-C2BA543CE05F}"/>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417789400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2 Tekster">
    <p:spTree>
      <p:nvGrpSpPr>
        <p:cNvPr id="1" name=""/>
        <p:cNvGrpSpPr/>
        <p:nvPr/>
      </p:nvGrpSpPr>
      <p:grpSpPr>
        <a:xfrm>
          <a:off x="0" y="0"/>
          <a:ext cx="0" cy="0"/>
          <a:chOff x="0" y="0"/>
          <a:chExt cx="0" cy="0"/>
        </a:xfrm>
      </p:grpSpPr>
      <p:sp>
        <p:nvSpPr>
          <p:cNvPr id="3" name="Plassholder for innhold 2">
            <a:extLst>
              <a:ext uri="{FF2B5EF4-FFF2-40B4-BE49-F238E27FC236}">
                <a16:creationId xmlns:a16="http://schemas.microsoft.com/office/drawing/2014/main" id="{345AB583-F51C-0E51-DBB0-B36D421888CC}"/>
              </a:ext>
            </a:extLst>
          </p:cNvPr>
          <p:cNvSpPr>
            <a:spLocks noGrp="1"/>
          </p:cNvSpPr>
          <p:nvPr>
            <p:ph sz="half" idx="1" hasCustomPrompt="1"/>
          </p:nvPr>
        </p:nvSpPr>
        <p:spPr>
          <a:xfrm>
            <a:off x="838200" y="1440000"/>
            <a:ext cx="5181600" cy="4608000"/>
          </a:xfrm>
        </p:spPr>
        <p:txBody>
          <a:bodyPr anchor="t">
            <a:noAutofit/>
          </a:bodyPr>
          <a:lstStyle>
            <a:lvl1pPr marL="342900" indent="-342900">
              <a:buFont typeface="Arial" panose="020B0604020202020204" pitchFamily="34" charset="0"/>
              <a:buChar char="•"/>
              <a:defRPr>
                <a:solidFill>
                  <a:schemeClr val="bg2"/>
                </a:solidFill>
                <a:latin typeface="Aptos" panose="020B0004020202020204" pitchFamily="34" charset="0"/>
              </a:defRPr>
            </a:lvl1pPr>
            <a:lvl2pPr>
              <a:defRPr>
                <a:solidFill>
                  <a:schemeClr val="bg2"/>
                </a:solidFill>
                <a:latin typeface="Aptos" panose="020B0004020202020204" pitchFamily="34" charset="0"/>
              </a:defRPr>
            </a:lvl2pPr>
            <a:lvl3pPr>
              <a:defRPr>
                <a:solidFill>
                  <a:schemeClr val="bg2"/>
                </a:solidFill>
                <a:latin typeface="Aptos" panose="020B0004020202020204" pitchFamily="34" charset="0"/>
              </a:defRPr>
            </a:lvl3pPr>
            <a:lvl4pPr>
              <a:defRPr>
                <a:solidFill>
                  <a:schemeClr val="bg2"/>
                </a:solidFill>
                <a:latin typeface="Aptos" panose="020B0004020202020204" pitchFamily="34" charset="0"/>
              </a:defRPr>
            </a:lvl4pPr>
            <a:lvl5pPr>
              <a:defRPr>
                <a:solidFill>
                  <a:schemeClr val="bg2"/>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sp>
        <p:nvSpPr>
          <p:cNvPr id="4" name="Plassholder for innhold 3">
            <a:extLst>
              <a:ext uri="{FF2B5EF4-FFF2-40B4-BE49-F238E27FC236}">
                <a16:creationId xmlns:a16="http://schemas.microsoft.com/office/drawing/2014/main" id="{92ACDFFE-3ED9-C522-5AB0-FCEDCB2ABD9B}"/>
              </a:ext>
            </a:extLst>
          </p:cNvPr>
          <p:cNvSpPr>
            <a:spLocks noGrp="1"/>
          </p:cNvSpPr>
          <p:nvPr>
            <p:ph sz="half" idx="2" hasCustomPrompt="1"/>
          </p:nvPr>
        </p:nvSpPr>
        <p:spPr>
          <a:xfrm>
            <a:off x="6172202" y="1439999"/>
            <a:ext cx="5181600" cy="4608000"/>
          </a:xfrm>
        </p:spPr>
        <p:txBody>
          <a:bodyPr anchor="t">
            <a:noAutofit/>
          </a:bodyPr>
          <a:lstStyle>
            <a:lvl1pPr marL="342900" indent="-342900">
              <a:buFont typeface="Arial" panose="020B0604020202020204" pitchFamily="34" charset="0"/>
              <a:buChar char="•"/>
              <a:defRPr>
                <a:solidFill>
                  <a:schemeClr val="bg2"/>
                </a:solidFill>
                <a:latin typeface="Aptos" panose="020B0004020202020204" pitchFamily="34" charset="0"/>
              </a:defRPr>
            </a:lvl1pPr>
            <a:lvl2pPr>
              <a:defRPr>
                <a:solidFill>
                  <a:schemeClr val="bg2"/>
                </a:solidFill>
                <a:latin typeface="Aptos" panose="020B0004020202020204" pitchFamily="34" charset="0"/>
              </a:defRPr>
            </a:lvl2pPr>
            <a:lvl3pPr>
              <a:defRPr>
                <a:solidFill>
                  <a:schemeClr val="bg2"/>
                </a:solidFill>
                <a:latin typeface="Aptos" panose="020B0004020202020204" pitchFamily="34" charset="0"/>
              </a:defRPr>
            </a:lvl3pPr>
            <a:lvl4pPr>
              <a:defRPr>
                <a:solidFill>
                  <a:schemeClr val="bg2"/>
                </a:solidFill>
                <a:latin typeface="Aptos" panose="020B0004020202020204" pitchFamily="34" charset="0"/>
              </a:defRPr>
            </a:lvl4pPr>
            <a:lvl5pPr>
              <a:defRPr>
                <a:solidFill>
                  <a:schemeClr val="bg2"/>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pic>
        <p:nvPicPr>
          <p:cNvPr id="5" name="Bilde 4">
            <a:extLst>
              <a:ext uri="{FF2B5EF4-FFF2-40B4-BE49-F238E27FC236}">
                <a16:creationId xmlns:a16="http://schemas.microsoft.com/office/drawing/2014/main" id="{AD6CB6D7-5FB2-7F4D-F7DF-5195995C97F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2" name="Bilde 1">
            <a:extLst>
              <a:ext uri="{FF2B5EF4-FFF2-40B4-BE49-F238E27FC236}">
                <a16:creationId xmlns:a16="http://schemas.microsoft.com/office/drawing/2014/main" id="{D683C321-F790-C67D-ADA7-A9FAA6814C87}"/>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Tittel 1">
            <a:extLst>
              <a:ext uri="{FF2B5EF4-FFF2-40B4-BE49-F238E27FC236}">
                <a16:creationId xmlns:a16="http://schemas.microsoft.com/office/drawing/2014/main" id="{EF9407F4-8CF5-7104-6DC5-AEBB2C85327B}"/>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185206748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3 Tekster">
    <p:spTree>
      <p:nvGrpSpPr>
        <p:cNvPr id="1" name=""/>
        <p:cNvGrpSpPr/>
        <p:nvPr/>
      </p:nvGrpSpPr>
      <p:grpSpPr>
        <a:xfrm>
          <a:off x="0" y="0"/>
          <a:ext cx="0" cy="0"/>
          <a:chOff x="0" y="0"/>
          <a:chExt cx="0" cy="0"/>
        </a:xfrm>
      </p:grpSpPr>
      <p:sp>
        <p:nvSpPr>
          <p:cNvPr id="3" name="Plassholder for tekst 2">
            <a:extLst>
              <a:ext uri="{FF2B5EF4-FFF2-40B4-BE49-F238E27FC236}">
                <a16:creationId xmlns:a16="http://schemas.microsoft.com/office/drawing/2014/main" id="{86E2B3C6-9D86-9A92-BE07-9365AEC0262F}"/>
              </a:ext>
            </a:extLst>
          </p:cNvPr>
          <p:cNvSpPr>
            <a:spLocks noGrp="1"/>
          </p:cNvSpPr>
          <p:nvPr>
            <p:ph type="body" idx="1" hasCustomPrompt="1"/>
          </p:nvPr>
        </p:nvSpPr>
        <p:spPr>
          <a:xfrm>
            <a:off x="839788" y="1439999"/>
            <a:ext cx="3380399" cy="720000"/>
          </a:xfrm>
        </p:spPr>
        <p:txBody>
          <a:bodyPr tIns="0" bIns="0" anchor="b">
            <a:noAutofit/>
          </a:bodyPr>
          <a:lstStyle>
            <a:lvl1pPr marL="0" indent="0">
              <a:spcBef>
                <a:spcPts val="0"/>
              </a:spcBef>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4" name="Plassholder for innhold 3">
            <a:extLst>
              <a:ext uri="{FF2B5EF4-FFF2-40B4-BE49-F238E27FC236}">
                <a16:creationId xmlns:a16="http://schemas.microsoft.com/office/drawing/2014/main" id="{4584D2C2-3047-F5B1-9469-B34CB1CAA8DF}"/>
              </a:ext>
            </a:extLst>
          </p:cNvPr>
          <p:cNvSpPr>
            <a:spLocks noGrp="1"/>
          </p:cNvSpPr>
          <p:nvPr>
            <p:ph sz="half" idx="2" hasCustomPrompt="1"/>
          </p:nvPr>
        </p:nvSpPr>
        <p:spPr>
          <a:xfrm>
            <a:off x="839789" y="2268000"/>
            <a:ext cx="3380400" cy="3780000"/>
          </a:xfrm>
        </p:spPr>
        <p:txBody>
          <a:bodyPr>
            <a:noAutofit/>
          </a:bodyPr>
          <a:lstStyle>
            <a:lvl1pPr marL="0" indent="0">
              <a:buFont typeface="Arial" panose="020B0604020202020204" pitchFamily="34" charset="0"/>
              <a:buNone/>
              <a:defRPr sz="16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1" name="Plassholder for tekst 2">
            <a:extLst>
              <a:ext uri="{FF2B5EF4-FFF2-40B4-BE49-F238E27FC236}">
                <a16:creationId xmlns:a16="http://schemas.microsoft.com/office/drawing/2014/main" id="{8806DBB1-6ECB-FA4F-2F8C-E3BD25F9AC56}"/>
              </a:ext>
            </a:extLst>
          </p:cNvPr>
          <p:cNvSpPr>
            <a:spLocks noGrp="1"/>
          </p:cNvSpPr>
          <p:nvPr>
            <p:ph type="body" idx="13" hasCustomPrompt="1"/>
          </p:nvPr>
        </p:nvSpPr>
        <p:spPr>
          <a:xfrm>
            <a:off x="4405799" y="1439999"/>
            <a:ext cx="3380399" cy="720000"/>
          </a:xfrm>
        </p:spPr>
        <p:txBody>
          <a:bodyPr tIns="0" bIns="0" anchor="b">
            <a:noAutofit/>
          </a:bodyPr>
          <a:lstStyle>
            <a:lvl1pPr marL="0" indent="0">
              <a:spcBef>
                <a:spcPts val="0"/>
              </a:spcBef>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2" name="Plassholder for innhold 3">
            <a:extLst>
              <a:ext uri="{FF2B5EF4-FFF2-40B4-BE49-F238E27FC236}">
                <a16:creationId xmlns:a16="http://schemas.microsoft.com/office/drawing/2014/main" id="{03BCF634-F098-4E9B-362B-BEC149EF681E}"/>
              </a:ext>
            </a:extLst>
          </p:cNvPr>
          <p:cNvSpPr>
            <a:spLocks noGrp="1"/>
          </p:cNvSpPr>
          <p:nvPr>
            <p:ph sz="half" idx="14" hasCustomPrompt="1"/>
          </p:nvPr>
        </p:nvSpPr>
        <p:spPr>
          <a:xfrm>
            <a:off x="4405800" y="2268000"/>
            <a:ext cx="3380400" cy="3780000"/>
          </a:xfrm>
        </p:spPr>
        <p:txBody>
          <a:bodyPr>
            <a:noAutofit/>
          </a:bodyPr>
          <a:lstStyle>
            <a:lvl1pPr marL="0" indent="0">
              <a:buFont typeface="Arial" panose="020B0604020202020204" pitchFamily="34" charset="0"/>
              <a:buNone/>
              <a:defRPr sz="16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3" name="Plassholder for tekst 2">
            <a:extLst>
              <a:ext uri="{FF2B5EF4-FFF2-40B4-BE49-F238E27FC236}">
                <a16:creationId xmlns:a16="http://schemas.microsoft.com/office/drawing/2014/main" id="{B139A698-8B82-D193-CA9B-8A244B209AF3}"/>
              </a:ext>
            </a:extLst>
          </p:cNvPr>
          <p:cNvSpPr>
            <a:spLocks noGrp="1"/>
          </p:cNvSpPr>
          <p:nvPr>
            <p:ph type="body" idx="15" hasCustomPrompt="1"/>
          </p:nvPr>
        </p:nvSpPr>
        <p:spPr>
          <a:xfrm>
            <a:off x="7971810" y="1439999"/>
            <a:ext cx="3380403" cy="720000"/>
          </a:xfrm>
        </p:spPr>
        <p:txBody>
          <a:bodyPr tIns="0" bIns="0" anchor="b">
            <a:noAutofit/>
          </a:bodyPr>
          <a:lstStyle>
            <a:lvl1pPr marL="0" indent="0">
              <a:spcBef>
                <a:spcPts val="0"/>
              </a:spcBef>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4" name="Plassholder for innhold 3">
            <a:extLst>
              <a:ext uri="{FF2B5EF4-FFF2-40B4-BE49-F238E27FC236}">
                <a16:creationId xmlns:a16="http://schemas.microsoft.com/office/drawing/2014/main" id="{ACFE2AC3-F6C8-83B5-11BA-7BC0E59E0F94}"/>
              </a:ext>
            </a:extLst>
          </p:cNvPr>
          <p:cNvSpPr>
            <a:spLocks noGrp="1"/>
          </p:cNvSpPr>
          <p:nvPr>
            <p:ph sz="half" idx="16" hasCustomPrompt="1"/>
          </p:nvPr>
        </p:nvSpPr>
        <p:spPr>
          <a:xfrm>
            <a:off x="7971811" y="2269050"/>
            <a:ext cx="3380400" cy="3780000"/>
          </a:xfrm>
        </p:spPr>
        <p:txBody>
          <a:bodyPr>
            <a:noAutofit/>
          </a:bodyPr>
          <a:lstStyle>
            <a:lvl1pPr marL="0" indent="0">
              <a:buFont typeface="Arial" panose="020B0604020202020204" pitchFamily="34" charset="0"/>
              <a:buNone/>
              <a:defRPr sz="16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CB5DEFFC-D7C4-6B35-6CEB-9E471EACDB7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17" name="Tittel 1">
            <a:extLst>
              <a:ext uri="{FF2B5EF4-FFF2-40B4-BE49-F238E27FC236}">
                <a16:creationId xmlns:a16="http://schemas.microsoft.com/office/drawing/2014/main" id="{EA38931D-06A2-48E6-C97B-2E88EEC47DBC}"/>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311935494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4 Tekster">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19" name="Plassholder for innhold 3">
            <a:extLst>
              <a:ext uri="{FF2B5EF4-FFF2-40B4-BE49-F238E27FC236}">
                <a16:creationId xmlns:a16="http://schemas.microsoft.com/office/drawing/2014/main" id="{388CF389-7C8D-EEA1-31B4-55442084B28E}"/>
              </a:ext>
            </a:extLst>
          </p:cNvPr>
          <p:cNvSpPr>
            <a:spLocks noGrp="1"/>
          </p:cNvSpPr>
          <p:nvPr>
            <p:ph sz="half" idx="20" hasCustomPrompt="1"/>
          </p:nvPr>
        </p:nvSpPr>
        <p:spPr>
          <a:xfrm>
            <a:off x="839788" y="2267999"/>
            <a:ext cx="2494309" cy="3780000"/>
          </a:xfrm>
        </p:spPr>
        <p:txBody>
          <a:bodyPr>
            <a:noAutofit/>
          </a:bodyPr>
          <a:lstStyle>
            <a:lvl1pPr marL="0" indent="0">
              <a:buFont typeface="Arial" panose="020B0604020202020204" pitchFamily="34" charset="0"/>
              <a:buNone/>
              <a:defRPr sz="16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23" name="Plassholder for innhold 3">
            <a:extLst>
              <a:ext uri="{FF2B5EF4-FFF2-40B4-BE49-F238E27FC236}">
                <a16:creationId xmlns:a16="http://schemas.microsoft.com/office/drawing/2014/main" id="{CC29C972-1D9B-4B6D-E6BB-52CEDDCD3EF2}"/>
              </a:ext>
            </a:extLst>
          </p:cNvPr>
          <p:cNvSpPr>
            <a:spLocks noGrp="1"/>
          </p:cNvSpPr>
          <p:nvPr>
            <p:ph sz="half" idx="22" hasCustomPrompt="1"/>
          </p:nvPr>
        </p:nvSpPr>
        <p:spPr>
          <a:xfrm>
            <a:off x="3522029" y="2267999"/>
            <a:ext cx="2494308" cy="3780000"/>
          </a:xfrm>
        </p:spPr>
        <p:txBody>
          <a:bodyPr>
            <a:noAutofit/>
          </a:bodyPr>
          <a:lstStyle>
            <a:lvl1pPr marL="0" indent="0">
              <a:buFont typeface="Arial" panose="020B0604020202020204" pitchFamily="34" charset="0"/>
              <a:buNone/>
              <a:defRPr sz="16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27" name="Plassholder for innhold 3">
            <a:extLst>
              <a:ext uri="{FF2B5EF4-FFF2-40B4-BE49-F238E27FC236}">
                <a16:creationId xmlns:a16="http://schemas.microsoft.com/office/drawing/2014/main" id="{F545F5B4-B651-1C86-2C52-4C80415C799C}"/>
              </a:ext>
            </a:extLst>
          </p:cNvPr>
          <p:cNvSpPr>
            <a:spLocks noGrp="1"/>
          </p:cNvSpPr>
          <p:nvPr>
            <p:ph sz="half" idx="24" hasCustomPrompt="1"/>
          </p:nvPr>
        </p:nvSpPr>
        <p:spPr>
          <a:xfrm>
            <a:off x="6204269" y="2267999"/>
            <a:ext cx="2494308" cy="3780000"/>
          </a:xfrm>
        </p:spPr>
        <p:txBody>
          <a:bodyPr>
            <a:noAutofit/>
          </a:bodyPr>
          <a:lstStyle>
            <a:lvl1pPr marL="0" indent="0">
              <a:buFont typeface="Arial" panose="020B0604020202020204" pitchFamily="34" charset="0"/>
              <a:buNone/>
              <a:defRPr sz="16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31" name="Plassholder for innhold 3">
            <a:extLst>
              <a:ext uri="{FF2B5EF4-FFF2-40B4-BE49-F238E27FC236}">
                <a16:creationId xmlns:a16="http://schemas.microsoft.com/office/drawing/2014/main" id="{0A09262D-5892-1BF7-9BD0-E4C6837201DD}"/>
              </a:ext>
            </a:extLst>
          </p:cNvPr>
          <p:cNvSpPr>
            <a:spLocks noGrp="1"/>
          </p:cNvSpPr>
          <p:nvPr>
            <p:ph sz="half" idx="26" hasCustomPrompt="1"/>
          </p:nvPr>
        </p:nvSpPr>
        <p:spPr>
          <a:xfrm>
            <a:off x="8886508" y="2267999"/>
            <a:ext cx="2486486" cy="3780000"/>
          </a:xfrm>
        </p:spPr>
        <p:txBody>
          <a:bodyPr>
            <a:noAutofit/>
          </a:bodyPr>
          <a:lstStyle>
            <a:lvl1pPr marL="0" indent="0">
              <a:buFont typeface="Arial" panose="020B0604020202020204" pitchFamily="34" charset="0"/>
              <a:buNone/>
              <a:defRPr sz="16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pic>
        <p:nvPicPr>
          <p:cNvPr id="2" name="Bilde 1">
            <a:extLst>
              <a:ext uri="{FF2B5EF4-FFF2-40B4-BE49-F238E27FC236}">
                <a16:creationId xmlns:a16="http://schemas.microsoft.com/office/drawing/2014/main" id="{4048E809-A4B9-794D-10F7-F37BAEF9676C}"/>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4" name="Plassholder for tekst 2">
            <a:extLst>
              <a:ext uri="{FF2B5EF4-FFF2-40B4-BE49-F238E27FC236}">
                <a16:creationId xmlns:a16="http://schemas.microsoft.com/office/drawing/2014/main" id="{EB52822C-389B-02B5-77CB-00A2F2A19205}"/>
              </a:ext>
            </a:extLst>
          </p:cNvPr>
          <p:cNvSpPr>
            <a:spLocks noGrp="1"/>
          </p:cNvSpPr>
          <p:nvPr>
            <p:ph type="body" idx="1" hasCustomPrompt="1"/>
          </p:nvPr>
        </p:nvSpPr>
        <p:spPr>
          <a:xfrm>
            <a:off x="839789" y="1439999"/>
            <a:ext cx="2494309" cy="720000"/>
          </a:xfrm>
        </p:spPr>
        <p:txBody>
          <a:bodyPr tIns="0" bIns="0" anchor="b">
            <a:noAutofit/>
          </a:bodyPr>
          <a:lstStyle>
            <a:lvl1pPr marL="0" indent="0">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5" name="Plassholder for tekst 2">
            <a:extLst>
              <a:ext uri="{FF2B5EF4-FFF2-40B4-BE49-F238E27FC236}">
                <a16:creationId xmlns:a16="http://schemas.microsoft.com/office/drawing/2014/main" id="{30575862-313C-06EC-3CFB-8DDF2EAD21EC}"/>
              </a:ext>
            </a:extLst>
          </p:cNvPr>
          <p:cNvSpPr>
            <a:spLocks noGrp="1"/>
          </p:cNvSpPr>
          <p:nvPr>
            <p:ph type="body" idx="27" hasCustomPrompt="1"/>
          </p:nvPr>
        </p:nvSpPr>
        <p:spPr>
          <a:xfrm>
            <a:off x="3519421" y="1439999"/>
            <a:ext cx="2494309" cy="720000"/>
          </a:xfrm>
        </p:spPr>
        <p:txBody>
          <a:bodyPr tIns="0" bIns="0" anchor="b">
            <a:noAutofit/>
          </a:bodyPr>
          <a:lstStyle>
            <a:lvl1pPr marL="0" indent="0">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7" name="Plassholder for tekst 2">
            <a:extLst>
              <a:ext uri="{FF2B5EF4-FFF2-40B4-BE49-F238E27FC236}">
                <a16:creationId xmlns:a16="http://schemas.microsoft.com/office/drawing/2014/main" id="{AED9E499-755F-23D6-61A7-E4EDE1FCCDCA}"/>
              </a:ext>
            </a:extLst>
          </p:cNvPr>
          <p:cNvSpPr>
            <a:spLocks noGrp="1"/>
          </p:cNvSpPr>
          <p:nvPr>
            <p:ph type="body" idx="28" hasCustomPrompt="1"/>
          </p:nvPr>
        </p:nvSpPr>
        <p:spPr>
          <a:xfrm>
            <a:off x="6199053" y="1439999"/>
            <a:ext cx="2494309" cy="720000"/>
          </a:xfrm>
        </p:spPr>
        <p:txBody>
          <a:bodyPr tIns="0" bIns="0" anchor="b">
            <a:noAutofit/>
          </a:bodyPr>
          <a:lstStyle>
            <a:lvl1pPr marL="0" indent="0">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8" name="Plassholder for tekst 2">
            <a:extLst>
              <a:ext uri="{FF2B5EF4-FFF2-40B4-BE49-F238E27FC236}">
                <a16:creationId xmlns:a16="http://schemas.microsoft.com/office/drawing/2014/main" id="{8216A9D3-E544-5C9C-4688-A5922523B96B}"/>
              </a:ext>
            </a:extLst>
          </p:cNvPr>
          <p:cNvSpPr>
            <a:spLocks noGrp="1"/>
          </p:cNvSpPr>
          <p:nvPr>
            <p:ph type="body" idx="29" hasCustomPrompt="1"/>
          </p:nvPr>
        </p:nvSpPr>
        <p:spPr>
          <a:xfrm>
            <a:off x="8878685" y="1439999"/>
            <a:ext cx="2494309" cy="720000"/>
          </a:xfrm>
        </p:spPr>
        <p:txBody>
          <a:bodyPr tIns="0" bIns="0" anchor="b">
            <a:noAutofit/>
          </a:bodyPr>
          <a:lstStyle>
            <a:lvl1pPr marL="0" indent="0">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2" name="Tittel 1">
            <a:extLst>
              <a:ext uri="{FF2B5EF4-FFF2-40B4-BE49-F238E27FC236}">
                <a16:creationId xmlns:a16="http://schemas.microsoft.com/office/drawing/2014/main" id="{E3517D6D-87BB-A9F3-61CB-A995BEDC417F}"/>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238548621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 Tekst og bilde (v1)">
    <p:spTree>
      <p:nvGrpSpPr>
        <p:cNvPr id="1" name=""/>
        <p:cNvGrpSpPr/>
        <p:nvPr/>
      </p:nvGrpSpPr>
      <p:grpSpPr>
        <a:xfrm>
          <a:off x="0" y="0"/>
          <a:ext cx="0" cy="0"/>
          <a:chOff x="0" y="0"/>
          <a:chExt cx="0" cy="0"/>
        </a:xfrm>
      </p:grpSpPr>
      <p:pic>
        <p:nvPicPr>
          <p:cNvPr id="3" name="Bilde 2">
            <a:extLst>
              <a:ext uri="{FF2B5EF4-FFF2-40B4-BE49-F238E27FC236}">
                <a16:creationId xmlns:a16="http://schemas.microsoft.com/office/drawing/2014/main" id="{72D443DA-D27E-17FF-E435-DAB163107B79}"/>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7E8700C6-C414-A410-41C1-CC58DCB91D2D}"/>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2" name="Plassholder for bilde 9">
            <a:extLst>
              <a:ext uri="{FF2B5EF4-FFF2-40B4-BE49-F238E27FC236}">
                <a16:creationId xmlns:a16="http://schemas.microsoft.com/office/drawing/2014/main" id="{3BACA57F-85BE-139F-91B9-37FB736F8B0F}"/>
              </a:ext>
            </a:extLst>
          </p:cNvPr>
          <p:cNvSpPr>
            <a:spLocks noGrp="1"/>
          </p:cNvSpPr>
          <p:nvPr>
            <p:ph type="pic" sz="quarter" idx="13" hasCustomPrompt="1"/>
          </p:nvPr>
        </p:nvSpPr>
        <p:spPr>
          <a:xfrm>
            <a:off x="7195033" y="827313"/>
            <a:ext cx="4159699" cy="5197250"/>
          </a:xfrm>
          <a:custGeom>
            <a:avLst/>
            <a:gdLst>
              <a:gd name="connsiteX0" fmla="*/ 223186 w 4159699"/>
              <a:gd name="connsiteY0" fmla="*/ 0 h 5197250"/>
              <a:gd name="connsiteX1" fmla="*/ 3936513 w 4159699"/>
              <a:gd name="connsiteY1" fmla="*/ 0 h 5197250"/>
              <a:gd name="connsiteX2" fmla="*/ 4159699 w 4159699"/>
              <a:gd name="connsiteY2" fmla="*/ 223111 h 5197250"/>
              <a:gd name="connsiteX3" fmla="*/ 4159699 w 4159699"/>
              <a:gd name="connsiteY3" fmla="*/ 3403438 h 5197250"/>
              <a:gd name="connsiteX4" fmla="*/ 4127890 w 4159699"/>
              <a:gd name="connsiteY4" fmla="*/ 3518246 h 5197250"/>
              <a:gd name="connsiteX5" fmla="*/ 3184809 w 4159699"/>
              <a:gd name="connsiteY5" fmla="*/ 5089572 h 5197250"/>
              <a:gd name="connsiteX6" fmla="*/ 3050748 w 4159699"/>
              <a:gd name="connsiteY6" fmla="*/ 5190404 h 5197250"/>
              <a:gd name="connsiteX7" fmla="*/ 2998219 w 4159699"/>
              <a:gd name="connsiteY7" fmla="*/ 5197250 h 5197250"/>
              <a:gd name="connsiteX8" fmla="*/ 220095 w 4159699"/>
              <a:gd name="connsiteY8" fmla="*/ 5197250 h 5197250"/>
              <a:gd name="connsiteX9" fmla="*/ 136319 w 4159699"/>
              <a:gd name="connsiteY9" fmla="*/ 5180339 h 5197250"/>
              <a:gd name="connsiteX10" fmla="*/ 0 w 4159699"/>
              <a:gd name="connsiteY10" fmla="*/ 4974764 h 5197250"/>
              <a:gd name="connsiteX11" fmla="*/ 0 w 4159699"/>
              <a:gd name="connsiteY11" fmla="*/ 223111 h 5197250"/>
              <a:gd name="connsiteX12" fmla="*/ 223186 w 4159699"/>
              <a:gd name="connsiteY12" fmla="*/ 0 h 5197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59699" h="5197250">
                <a:moveTo>
                  <a:pt x="223186" y="0"/>
                </a:moveTo>
                <a:lnTo>
                  <a:pt x="3936513" y="0"/>
                </a:lnTo>
                <a:cubicBezTo>
                  <a:pt x="4059758" y="0"/>
                  <a:pt x="4159699" y="99907"/>
                  <a:pt x="4159699" y="223111"/>
                </a:cubicBezTo>
                <a:lnTo>
                  <a:pt x="4159699" y="3403438"/>
                </a:lnTo>
                <a:cubicBezTo>
                  <a:pt x="4159699" y="3443894"/>
                  <a:pt x="4148728" y="3483562"/>
                  <a:pt x="4127890" y="3518246"/>
                </a:cubicBezTo>
                <a:lnTo>
                  <a:pt x="3184809" y="5089572"/>
                </a:lnTo>
                <a:cubicBezTo>
                  <a:pt x="3154575" y="5139985"/>
                  <a:pt x="3106153" y="5175698"/>
                  <a:pt x="3050748" y="5190404"/>
                </a:cubicBezTo>
                <a:lnTo>
                  <a:pt x="2998219" y="5197250"/>
                </a:lnTo>
                <a:lnTo>
                  <a:pt x="220095" y="5197250"/>
                </a:lnTo>
                <a:lnTo>
                  <a:pt x="136319" y="5180339"/>
                </a:lnTo>
                <a:cubicBezTo>
                  <a:pt x="56217" y="5146465"/>
                  <a:pt x="0" y="5067167"/>
                  <a:pt x="0" y="4974764"/>
                </a:cubicBezTo>
                <a:lnTo>
                  <a:pt x="0" y="223111"/>
                </a:lnTo>
                <a:cubicBezTo>
                  <a:pt x="0" y="99907"/>
                  <a:pt x="99940" y="0"/>
                  <a:pt x="223186" y="0"/>
                </a:cubicBezTo>
                <a:close/>
              </a:path>
            </a:pathLst>
          </a:custGeom>
        </p:spPr>
        <p:txBody>
          <a:bodyPr wrap="square" anchor="ctr">
            <a:noAutofit/>
          </a:bodyPr>
          <a:lstStyle>
            <a:lvl1pPr marL="0" indent="0" algn="ctr">
              <a:buNone/>
              <a:defRPr>
                <a:solidFill>
                  <a:schemeClr val="bg2"/>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sp>
        <p:nvSpPr>
          <p:cNvPr id="4" name="Tittel 1">
            <a:extLst>
              <a:ext uri="{FF2B5EF4-FFF2-40B4-BE49-F238E27FC236}">
                <a16:creationId xmlns:a16="http://schemas.microsoft.com/office/drawing/2014/main" id="{C594661E-C4FF-10DC-3988-0F0BBC366F17}"/>
              </a:ext>
            </a:extLst>
          </p:cNvPr>
          <p:cNvSpPr>
            <a:spLocks noGrp="1"/>
          </p:cNvSpPr>
          <p:nvPr>
            <p:ph type="title" hasCustomPrompt="1"/>
          </p:nvPr>
        </p:nvSpPr>
        <p:spPr>
          <a:xfrm>
            <a:off x="838200" y="416372"/>
            <a:ext cx="5604555"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
        <p:nvSpPr>
          <p:cNvPr id="5" name="Plassholder for innhold 2">
            <a:extLst>
              <a:ext uri="{FF2B5EF4-FFF2-40B4-BE49-F238E27FC236}">
                <a16:creationId xmlns:a16="http://schemas.microsoft.com/office/drawing/2014/main" id="{23A496AA-F02B-2E10-FD69-1F9ACEF8C1F1}"/>
              </a:ext>
            </a:extLst>
          </p:cNvPr>
          <p:cNvSpPr>
            <a:spLocks noGrp="1"/>
          </p:cNvSpPr>
          <p:nvPr>
            <p:ph sz="half" idx="1" hasCustomPrompt="1"/>
          </p:nvPr>
        </p:nvSpPr>
        <p:spPr>
          <a:xfrm>
            <a:off x="838200" y="1440000"/>
            <a:ext cx="5604554" cy="4608000"/>
          </a:xfrm>
        </p:spPr>
        <p:txBody>
          <a:bodyPr anchor="t">
            <a:noAutofit/>
          </a:bodyPr>
          <a:lstStyle>
            <a:lvl1pPr marL="342900" indent="-342900">
              <a:buFont typeface="Arial" panose="020B0604020202020204" pitchFamily="34" charset="0"/>
              <a:buChar char="•"/>
              <a:defRPr>
                <a:solidFill>
                  <a:schemeClr val="bg2"/>
                </a:solidFill>
                <a:latin typeface="Aptos" panose="020B0004020202020204" pitchFamily="34" charset="0"/>
              </a:defRPr>
            </a:lvl1pPr>
            <a:lvl2pPr>
              <a:defRPr>
                <a:solidFill>
                  <a:schemeClr val="bg2"/>
                </a:solidFill>
                <a:latin typeface="Aptos" panose="020B0004020202020204" pitchFamily="34" charset="0"/>
              </a:defRPr>
            </a:lvl2pPr>
            <a:lvl3pPr>
              <a:defRPr>
                <a:solidFill>
                  <a:schemeClr val="bg2"/>
                </a:solidFill>
                <a:latin typeface="Aptos" panose="020B0004020202020204" pitchFamily="34" charset="0"/>
              </a:defRPr>
            </a:lvl3pPr>
            <a:lvl4pPr>
              <a:defRPr>
                <a:solidFill>
                  <a:schemeClr val="bg2"/>
                </a:solidFill>
                <a:latin typeface="Aptos" panose="020B0004020202020204" pitchFamily="34" charset="0"/>
              </a:defRPr>
            </a:lvl4pPr>
            <a:lvl5pPr>
              <a:defRPr>
                <a:solidFill>
                  <a:schemeClr val="bg2"/>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spTree>
    <p:extLst>
      <p:ext uri="{BB962C8B-B14F-4D97-AF65-F5344CB8AC3E}">
        <p14:creationId xmlns:p14="http://schemas.microsoft.com/office/powerpoint/2010/main" val="4251711374"/>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1 Tekst og bilde (v2)">
    <p:spTree>
      <p:nvGrpSpPr>
        <p:cNvPr id="1" name=""/>
        <p:cNvGrpSpPr/>
        <p:nvPr/>
      </p:nvGrpSpPr>
      <p:grpSpPr>
        <a:xfrm>
          <a:off x="0" y="0"/>
          <a:ext cx="0" cy="0"/>
          <a:chOff x="0" y="0"/>
          <a:chExt cx="0" cy="0"/>
        </a:xfrm>
      </p:grpSpPr>
      <p:pic>
        <p:nvPicPr>
          <p:cNvPr id="3" name="Bilde 2">
            <a:extLst>
              <a:ext uri="{FF2B5EF4-FFF2-40B4-BE49-F238E27FC236}">
                <a16:creationId xmlns:a16="http://schemas.microsoft.com/office/drawing/2014/main" id="{1B8BA4A6-5555-23B4-3714-F0D89074140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2" name="Bilde 1">
            <a:extLst>
              <a:ext uri="{FF2B5EF4-FFF2-40B4-BE49-F238E27FC236}">
                <a16:creationId xmlns:a16="http://schemas.microsoft.com/office/drawing/2014/main" id="{B05F6BF8-CD18-3105-1CE9-6299878E505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Plassholder for bilde 19">
            <a:extLst>
              <a:ext uri="{FF2B5EF4-FFF2-40B4-BE49-F238E27FC236}">
                <a16:creationId xmlns:a16="http://schemas.microsoft.com/office/drawing/2014/main" id="{2EFFD18C-C65F-262E-6381-F5265C5CFA8C}"/>
              </a:ext>
            </a:extLst>
          </p:cNvPr>
          <p:cNvSpPr>
            <a:spLocks noGrp="1"/>
          </p:cNvSpPr>
          <p:nvPr>
            <p:ph type="pic" sz="quarter" idx="13" hasCustomPrompt="1"/>
          </p:nvPr>
        </p:nvSpPr>
        <p:spPr>
          <a:xfrm>
            <a:off x="7193387" y="828676"/>
            <a:ext cx="4161336" cy="5199973"/>
          </a:xfrm>
          <a:custGeom>
            <a:avLst/>
            <a:gdLst>
              <a:gd name="connsiteX0" fmla="*/ 1166726 w 4161336"/>
              <a:gd name="connsiteY0" fmla="*/ 0 h 5199973"/>
              <a:gd name="connsiteX1" fmla="*/ 3938063 w 4161336"/>
              <a:gd name="connsiteY1" fmla="*/ 0 h 5199973"/>
              <a:gd name="connsiteX2" fmla="*/ 4161336 w 4161336"/>
              <a:gd name="connsiteY2" fmla="*/ 223199 h 5199973"/>
              <a:gd name="connsiteX3" fmla="*/ 4161336 w 4161336"/>
              <a:gd name="connsiteY3" fmla="*/ 1671470 h 5199973"/>
              <a:gd name="connsiteX4" fmla="*/ 4129514 w 4161336"/>
              <a:gd name="connsiteY4" fmla="*/ 1786324 h 5199973"/>
              <a:gd name="connsiteX5" fmla="*/ 3323902 w 4161336"/>
              <a:gd name="connsiteY5" fmla="*/ 3128614 h 5199973"/>
              <a:gd name="connsiteX6" fmla="*/ 3515354 w 4161336"/>
              <a:gd name="connsiteY6" fmla="*/ 3466666 h 5199973"/>
              <a:gd name="connsiteX7" fmla="*/ 3938063 w 4161336"/>
              <a:gd name="connsiteY7" fmla="*/ 3466666 h 5199973"/>
              <a:gd name="connsiteX8" fmla="*/ 4161336 w 4161336"/>
              <a:gd name="connsiteY8" fmla="*/ 3689865 h 5199973"/>
              <a:gd name="connsiteX9" fmla="*/ 4161336 w 4161336"/>
              <a:gd name="connsiteY9" fmla="*/ 4976775 h 5199973"/>
              <a:gd name="connsiteX10" fmla="*/ 3938063 w 4161336"/>
              <a:gd name="connsiteY10" fmla="*/ 5199973 h 5199973"/>
              <a:gd name="connsiteX11" fmla="*/ 223274 w 4161336"/>
              <a:gd name="connsiteY11" fmla="*/ 5199973 h 5199973"/>
              <a:gd name="connsiteX12" fmla="*/ 0 w 4161336"/>
              <a:gd name="connsiteY12" fmla="*/ 4976775 h 5199973"/>
              <a:gd name="connsiteX13" fmla="*/ 0 w 4161336"/>
              <a:gd name="connsiteY13" fmla="*/ 4976722 h 5199973"/>
              <a:gd name="connsiteX14" fmla="*/ 0 w 4161336"/>
              <a:gd name="connsiteY14" fmla="*/ 1795144 h 5199973"/>
              <a:gd name="connsiteX15" fmla="*/ 31821 w 4161336"/>
              <a:gd name="connsiteY15" fmla="*/ 1680289 h 5199973"/>
              <a:gd name="connsiteX16" fmla="*/ 975274 w 4161336"/>
              <a:gd name="connsiteY16" fmla="*/ 108345 h 5199973"/>
              <a:gd name="connsiteX17" fmla="*/ 1166726 w 4161336"/>
              <a:gd name="connsiteY17" fmla="*/ 0 h 5199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161336" h="5199973">
                <a:moveTo>
                  <a:pt x="1166726" y="0"/>
                </a:moveTo>
                <a:lnTo>
                  <a:pt x="3938063" y="0"/>
                </a:lnTo>
                <a:cubicBezTo>
                  <a:pt x="4061357" y="0"/>
                  <a:pt x="4161336" y="99946"/>
                  <a:pt x="4161336" y="223199"/>
                </a:cubicBezTo>
                <a:lnTo>
                  <a:pt x="4161336" y="1671470"/>
                </a:lnTo>
                <a:cubicBezTo>
                  <a:pt x="4161336" y="1711942"/>
                  <a:pt x="4150361" y="1751627"/>
                  <a:pt x="4129514" y="1786324"/>
                </a:cubicBezTo>
                <a:lnTo>
                  <a:pt x="3323902" y="3128614"/>
                </a:lnTo>
                <a:cubicBezTo>
                  <a:pt x="3234634" y="3277378"/>
                  <a:pt x="3341807" y="3466666"/>
                  <a:pt x="3515354" y="3466666"/>
                </a:cubicBezTo>
                <a:lnTo>
                  <a:pt x="3938063" y="3466666"/>
                </a:lnTo>
                <a:cubicBezTo>
                  <a:pt x="4061357" y="3466666"/>
                  <a:pt x="4161336" y="3566613"/>
                  <a:pt x="4161336" y="3689865"/>
                </a:cubicBezTo>
                <a:lnTo>
                  <a:pt x="4161336" y="4976775"/>
                </a:lnTo>
                <a:cubicBezTo>
                  <a:pt x="4161336" y="5100027"/>
                  <a:pt x="4061357" y="5199973"/>
                  <a:pt x="3938063" y="5199973"/>
                </a:cubicBezTo>
                <a:lnTo>
                  <a:pt x="223274" y="5199973"/>
                </a:lnTo>
                <a:cubicBezTo>
                  <a:pt x="99980" y="5199973"/>
                  <a:pt x="0" y="5100027"/>
                  <a:pt x="0" y="4976775"/>
                </a:cubicBezTo>
                <a:lnTo>
                  <a:pt x="0" y="4976722"/>
                </a:lnTo>
                <a:lnTo>
                  <a:pt x="0" y="1795144"/>
                </a:lnTo>
                <a:cubicBezTo>
                  <a:pt x="0" y="1754671"/>
                  <a:pt x="10975" y="1714987"/>
                  <a:pt x="31821" y="1680289"/>
                </a:cubicBezTo>
                <a:lnTo>
                  <a:pt x="975274" y="108345"/>
                </a:lnTo>
                <a:cubicBezTo>
                  <a:pt x="1015654" y="41155"/>
                  <a:pt x="1088328" y="0"/>
                  <a:pt x="1166726" y="0"/>
                </a:cubicBezTo>
                <a:close/>
              </a:path>
            </a:pathLst>
          </a:custGeom>
        </p:spPr>
        <p:txBody>
          <a:bodyPr wrap="square" anchor="ctr">
            <a:noAutofit/>
          </a:bodyPr>
          <a:lstStyle>
            <a:lvl1pPr marL="0" indent="0" algn="ctr">
              <a:buNone/>
              <a:defRPr>
                <a:solidFill>
                  <a:schemeClr val="bg2"/>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sp>
        <p:nvSpPr>
          <p:cNvPr id="4" name="Tittel 1">
            <a:extLst>
              <a:ext uri="{FF2B5EF4-FFF2-40B4-BE49-F238E27FC236}">
                <a16:creationId xmlns:a16="http://schemas.microsoft.com/office/drawing/2014/main" id="{5890C360-8E16-F0D8-EF74-3C93CA06FCE4}"/>
              </a:ext>
            </a:extLst>
          </p:cNvPr>
          <p:cNvSpPr>
            <a:spLocks noGrp="1"/>
          </p:cNvSpPr>
          <p:nvPr>
            <p:ph type="title" hasCustomPrompt="1"/>
          </p:nvPr>
        </p:nvSpPr>
        <p:spPr>
          <a:xfrm>
            <a:off x="838200" y="416372"/>
            <a:ext cx="5604555"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
        <p:nvSpPr>
          <p:cNvPr id="5" name="Plassholder for innhold 2">
            <a:extLst>
              <a:ext uri="{FF2B5EF4-FFF2-40B4-BE49-F238E27FC236}">
                <a16:creationId xmlns:a16="http://schemas.microsoft.com/office/drawing/2014/main" id="{55211319-9021-4DAE-9EA8-66592C2F99A6}"/>
              </a:ext>
            </a:extLst>
          </p:cNvPr>
          <p:cNvSpPr>
            <a:spLocks noGrp="1"/>
          </p:cNvSpPr>
          <p:nvPr>
            <p:ph sz="half" idx="1" hasCustomPrompt="1"/>
          </p:nvPr>
        </p:nvSpPr>
        <p:spPr>
          <a:xfrm>
            <a:off x="838200" y="1440000"/>
            <a:ext cx="5604554" cy="4608000"/>
          </a:xfrm>
        </p:spPr>
        <p:txBody>
          <a:bodyPr anchor="t">
            <a:noAutofit/>
          </a:bodyPr>
          <a:lstStyle>
            <a:lvl1pPr marL="342900" indent="-342900">
              <a:buFont typeface="Arial" panose="020B0604020202020204" pitchFamily="34" charset="0"/>
              <a:buChar char="•"/>
              <a:defRPr>
                <a:solidFill>
                  <a:schemeClr val="bg2"/>
                </a:solidFill>
                <a:latin typeface="Aptos" panose="020B0004020202020204" pitchFamily="34" charset="0"/>
              </a:defRPr>
            </a:lvl1pPr>
            <a:lvl2pPr>
              <a:defRPr>
                <a:solidFill>
                  <a:schemeClr val="bg2"/>
                </a:solidFill>
                <a:latin typeface="Aptos" panose="020B0004020202020204" pitchFamily="34" charset="0"/>
              </a:defRPr>
            </a:lvl2pPr>
            <a:lvl3pPr>
              <a:defRPr>
                <a:solidFill>
                  <a:schemeClr val="bg2"/>
                </a:solidFill>
                <a:latin typeface="Aptos" panose="020B0004020202020204" pitchFamily="34" charset="0"/>
              </a:defRPr>
            </a:lvl3pPr>
            <a:lvl4pPr>
              <a:defRPr>
                <a:solidFill>
                  <a:schemeClr val="bg2"/>
                </a:solidFill>
                <a:latin typeface="Aptos" panose="020B0004020202020204" pitchFamily="34" charset="0"/>
              </a:defRPr>
            </a:lvl4pPr>
            <a:lvl5pPr>
              <a:defRPr>
                <a:solidFill>
                  <a:schemeClr val="bg2"/>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spTree>
    <p:extLst>
      <p:ext uri="{BB962C8B-B14F-4D97-AF65-F5344CB8AC3E}">
        <p14:creationId xmlns:p14="http://schemas.microsoft.com/office/powerpoint/2010/main" val="173807110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 Tekst og bilde (v3)">
    <p:spTree>
      <p:nvGrpSpPr>
        <p:cNvPr id="1" name=""/>
        <p:cNvGrpSpPr/>
        <p:nvPr/>
      </p:nvGrpSpPr>
      <p:grpSpPr>
        <a:xfrm>
          <a:off x="0" y="0"/>
          <a:ext cx="0" cy="0"/>
          <a:chOff x="0" y="0"/>
          <a:chExt cx="0" cy="0"/>
        </a:xfrm>
      </p:grpSpPr>
      <p:pic>
        <p:nvPicPr>
          <p:cNvPr id="3" name="Bilde 2">
            <a:extLst>
              <a:ext uri="{FF2B5EF4-FFF2-40B4-BE49-F238E27FC236}">
                <a16:creationId xmlns:a16="http://schemas.microsoft.com/office/drawing/2014/main" id="{D50E2117-7370-192A-C148-E28C8DFD5957}"/>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2" name="Bilde 1">
            <a:extLst>
              <a:ext uri="{FF2B5EF4-FFF2-40B4-BE49-F238E27FC236}">
                <a16:creationId xmlns:a16="http://schemas.microsoft.com/office/drawing/2014/main" id="{0324498A-B52A-422C-F2E8-9E8E967DEC65}"/>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4" name="Plassholder for bilde 9">
            <a:extLst>
              <a:ext uri="{FF2B5EF4-FFF2-40B4-BE49-F238E27FC236}">
                <a16:creationId xmlns:a16="http://schemas.microsoft.com/office/drawing/2014/main" id="{882341E6-00CD-A626-E67F-3C1EC0B94A7E}"/>
              </a:ext>
            </a:extLst>
          </p:cNvPr>
          <p:cNvSpPr>
            <a:spLocks noGrp="1"/>
          </p:cNvSpPr>
          <p:nvPr>
            <p:ph type="pic" sz="quarter" idx="13" hasCustomPrompt="1"/>
          </p:nvPr>
        </p:nvSpPr>
        <p:spPr>
          <a:xfrm>
            <a:off x="7187617" y="821438"/>
            <a:ext cx="4167119" cy="5207147"/>
          </a:xfrm>
          <a:custGeom>
            <a:avLst/>
            <a:gdLst>
              <a:gd name="connsiteX0" fmla="*/ 223584 w 4167119"/>
              <a:gd name="connsiteY0" fmla="*/ 0 h 5207147"/>
              <a:gd name="connsiteX1" fmla="*/ 3943535 w 4167119"/>
              <a:gd name="connsiteY1" fmla="*/ 0 h 5207147"/>
              <a:gd name="connsiteX2" fmla="*/ 4167119 w 4167119"/>
              <a:gd name="connsiteY2" fmla="*/ 223509 h 5207147"/>
              <a:gd name="connsiteX3" fmla="*/ 4167119 w 4167119"/>
              <a:gd name="connsiteY3" fmla="*/ 4983638 h 5207147"/>
              <a:gd name="connsiteX4" fmla="*/ 3943535 w 4167119"/>
              <a:gd name="connsiteY4" fmla="*/ 5207147 h 5207147"/>
              <a:gd name="connsiteX5" fmla="*/ 223584 w 4167119"/>
              <a:gd name="connsiteY5" fmla="*/ 5207147 h 5207147"/>
              <a:gd name="connsiteX6" fmla="*/ 0 w 4167119"/>
              <a:gd name="connsiteY6" fmla="*/ 4983638 h 5207147"/>
              <a:gd name="connsiteX7" fmla="*/ 0 w 4167119"/>
              <a:gd name="connsiteY7" fmla="*/ 223509 h 5207147"/>
              <a:gd name="connsiteX8" fmla="*/ 223584 w 4167119"/>
              <a:gd name="connsiteY8" fmla="*/ 0 h 52071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167119" h="5207147">
                <a:moveTo>
                  <a:pt x="223584" y="0"/>
                </a:moveTo>
                <a:lnTo>
                  <a:pt x="3943535" y="0"/>
                </a:lnTo>
                <a:cubicBezTo>
                  <a:pt x="4067017" y="0"/>
                  <a:pt x="4167119" y="100068"/>
                  <a:pt x="4167119" y="223509"/>
                </a:cubicBezTo>
                <a:lnTo>
                  <a:pt x="4167119" y="4983638"/>
                </a:lnTo>
                <a:cubicBezTo>
                  <a:pt x="4167119" y="5107078"/>
                  <a:pt x="4067017" y="5207147"/>
                  <a:pt x="3943535" y="5207147"/>
                </a:cubicBezTo>
                <a:lnTo>
                  <a:pt x="223584" y="5207147"/>
                </a:lnTo>
                <a:cubicBezTo>
                  <a:pt x="100102" y="5207147"/>
                  <a:pt x="0" y="5107078"/>
                  <a:pt x="0" y="4983638"/>
                </a:cubicBezTo>
                <a:lnTo>
                  <a:pt x="0" y="223509"/>
                </a:lnTo>
                <a:cubicBezTo>
                  <a:pt x="0" y="100068"/>
                  <a:pt x="100102" y="0"/>
                  <a:pt x="223584" y="0"/>
                </a:cubicBezTo>
                <a:close/>
              </a:path>
            </a:pathLst>
          </a:custGeom>
        </p:spPr>
        <p:txBody>
          <a:bodyPr wrap="square" anchor="ctr">
            <a:noAutofit/>
          </a:bodyPr>
          <a:lstStyle>
            <a:lvl1pPr marL="0" indent="0" algn="ctr">
              <a:buNone/>
              <a:defRPr>
                <a:solidFill>
                  <a:schemeClr val="bg2"/>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sp>
        <p:nvSpPr>
          <p:cNvPr id="5" name="Tittel 1">
            <a:extLst>
              <a:ext uri="{FF2B5EF4-FFF2-40B4-BE49-F238E27FC236}">
                <a16:creationId xmlns:a16="http://schemas.microsoft.com/office/drawing/2014/main" id="{6508CDE1-28F8-3884-BEB1-2143523A0368}"/>
              </a:ext>
            </a:extLst>
          </p:cNvPr>
          <p:cNvSpPr>
            <a:spLocks noGrp="1"/>
          </p:cNvSpPr>
          <p:nvPr>
            <p:ph type="title" hasCustomPrompt="1"/>
          </p:nvPr>
        </p:nvSpPr>
        <p:spPr>
          <a:xfrm>
            <a:off x="838200" y="416372"/>
            <a:ext cx="5604555"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
        <p:nvSpPr>
          <p:cNvPr id="6" name="Plassholder for innhold 2">
            <a:extLst>
              <a:ext uri="{FF2B5EF4-FFF2-40B4-BE49-F238E27FC236}">
                <a16:creationId xmlns:a16="http://schemas.microsoft.com/office/drawing/2014/main" id="{7037E0A0-76E3-469D-C61B-D49D79D06AAF}"/>
              </a:ext>
            </a:extLst>
          </p:cNvPr>
          <p:cNvSpPr>
            <a:spLocks noGrp="1"/>
          </p:cNvSpPr>
          <p:nvPr>
            <p:ph sz="half" idx="1" hasCustomPrompt="1"/>
          </p:nvPr>
        </p:nvSpPr>
        <p:spPr>
          <a:xfrm>
            <a:off x="838200" y="1440000"/>
            <a:ext cx="5604554" cy="4608000"/>
          </a:xfrm>
        </p:spPr>
        <p:txBody>
          <a:bodyPr anchor="t">
            <a:noAutofit/>
          </a:bodyPr>
          <a:lstStyle>
            <a:lvl1pPr marL="342900" indent="-342900">
              <a:buFont typeface="Arial" panose="020B0604020202020204" pitchFamily="34" charset="0"/>
              <a:buChar char="•"/>
              <a:defRPr>
                <a:solidFill>
                  <a:schemeClr val="bg2"/>
                </a:solidFill>
                <a:latin typeface="Aptos" panose="020B0004020202020204" pitchFamily="34" charset="0"/>
              </a:defRPr>
            </a:lvl1pPr>
            <a:lvl2pPr>
              <a:defRPr>
                <a:solidFill>
                  <a:schemeClr val="bg2"/>
                </a:solidFill>
                <a:latin typeface="Aptos" panose="020B0004020202020204" pitchFamily="34" charset="0"/>
              </a:defRPr>
            </a:lvl2pPr>
            <a:lvl3pPr>
              <a:defRPr>
                <a:solidFill>
                  <a:schemeClr val="bg2"/>
                </a:solidFill>
                <a:latin typeface="Aptos" panose="020B0004020202020204" pitchFamily="34" charset="0"/>
              </a:defRPr>
            </a:lvl3pPr>
            <a:lvl4pPr>
              <a:defRPr>
                <a:solidFill>
                  <a:schemeClr val="bg2"/>
                </a:solidFill>
                <a:latin typeface="Aptos" panose="020B0004020202020204" pitchFamily="34" charset="0"/>
              </a:defRPr>
            </a:lvl4pPr>
            <a:lvl5pPr>
              <a:defRPr>
                <a:solidFill>
                  <a:schemeClr val="bg2"/>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spTree>
    <p:extLst>
      <p:ext uri="{BB962C8B-B14F-4D97-AF65-F5344CB8AC3E}">
        <p14:creationId xmlns:p14="http://schemas.microsoft.com/office/powerpoint/2010/main" val="353893253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2 Tekster og bilder">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CB5DEFFC-D7C4-6B35-6CEB-9E471EACDB7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45" name="Plassholder for innhold 3">
            <a:extLst>
              <a:ext uri="{FF2B5EF4-FFF2-40B4-BE49-F238E27FC236}">
                <a16:creationId xmlns:a16="http://schemas.microsoft.com/office/drawing/2014/main" id="{D803BA19-787A-BF2B-4B32-3940DD68E852}"/>
              </a:ext>
            </a:extLst>
          </p:cNvPr>
          <p:cNvSpPr>
            <a:spLocks noGrp="1"/>
          </p:cNvSpPr>
          <p:nvPr>
            <p:ph sz="half" idx="2" hasCustomPrompt="1"/>
          </p:nvPr>
        </p:nvSpPr>
        <p:spPr>
          <a:xfrm>
            <a:off x="843517" y="4716000"/>
            <a:ext cx="5102112" cy="1512000"/>
          </a:xfrm>
        </p:spPr>
        <p:txBody>
          <a:bodyPr>
            <a:noAutofit/>
          </a:bodyPr>
          <a:lstStyle>
            <a:lvl1pPr marL="0" indent="0" algn="l">
              <a:spcBef>
                <a:spcPts val="300"/>
              </a:spcBef>
              <a:buFont typeface="Arial" panose="020B0604020202020204" pitchFamily="34" charset="0"/>
              <a:buNone/>
              <a:defRPr sz="16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6" name="Plassholder for innhold 3">
            <a:extLst>
              <a:ext uri="{FF2B5EF4-FFF2-40B4-BE49-F238E27FC236}">
                <a16:creationId xmlns:a16="http://schemas.microsoft.com/office/drawing/2014/main" id="{2184F4D8-439E-8411-8CAC-50791DB90DBB}"/>
              </a:ext>
            </a:extLst>
          </p:cNvPr>
          <p:cNvSpPr>
            <a:spLocks noGrp="1"/>
          </p:cNvSpPr>
          <p:nvPr>
            <p:ph sz="half" idx="14" hasCustomPrompt="1"/>
          </p:nvPr>
        </p:nvSpPr>
        <p:spPr>
          <a:xfrm>
            <a:off x="6252124" y="4716000"/>
            <a:ext cx="5102112" cy="1512000"/>
          </a:xfrm>
        </p:spPr>
        <p:txBody>
          <a:bodyPr>
            <a:noAutofit/>
          </a:bodyPr>
          <a:lstStyle>
            <a:lvl1pPr marL="0" indent="0" algn="l">
              <a:spcBef>
                <a:spcPts val="300"/>
              </a:spcBef>
              <a:buFont typeface="Arial" panose="020B0604020202020204" pitchFamily="34" charset="0"/>
              <a:buNone/>
              <a:defRPr sz="16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9" name="Plassholder for tekst 2">
            <a:extLst>
              <a:ext uri="{FF2B5EF4-FFF2-40B4-BE49-F238E27FC236}">
                <a16:creationId xmlns:a16="http://schemas.microsoft.com/office/drawing/2014/main" id="{D9D54EDD-FD96-438A-C2B8-5E625E1C779A}"/>
              </a:ext>
            </a:extLst>
          </p:cNvPr>
          <p:cNvSpPr>
            <a:spLocks noGrp="1"/>
          </p:cNvSpPr>
          <p:nvPr>
            <p:ph type="body" idx="17" hasCustomPrompt="1"/>
          </p:nvPr>
        </p:nvSpPr>
        <p:spPr>
          <a:xfrm>
            <a:off x="6246925" y="3996000"/>
            <a:ext cx="5102112" cy="601370"/>
          </a:xfrm>
        </p:spPr>
        <p:txBody>
          <a:bodyPr tIns="0" bIns="0" anchor="b">
            <a:noAutofit/>
          </a:bodyPr>
          <a:lstStyle>
            <a:lvl1pPr marL="0" indent="0" algn="l">
              <a:buNone/>
              <a:defRPr sz="20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50" name="Plassholder for tekst 2">
            <a:extLst>
              <a:ext uri="{FF2B5EF4-FFF2-40B4-BE49-F238E27FC236}">
                <a16:creationId xmlns:a16="http://schemas.microsoft.com/office/drawing/2014/main" id="{321B0A13-19E8-6EAF-D8A6-C099FA37D055}"/>
              </a:ext>
            </a:extLst>
          </p:cNvPr>
          <p:cNvSpPr>
            <a:spLocks noGrp="1"/>
          </p:cNvSpPr>
          <p:nvPr>
            <p:ph type="body" idx="18" hasCustomPrompt="1"/>
          </p:nvPr>
        </p:nvSpPr>
        <p:spPr>
          <a:xfrm>
            <a:off x="838199" y="3996000"/>
            <a:ext cx="5102112" cy="601370"/>
          </a:xfrm>
        </p:spPr>
        <p:txBody>
          <a:bodyPr tIns="0" bIns="0" anchor="b">
            <a:noAutofit/>
          </a:bodyPr>
          <a:lstStyle>
            <a:lvl1pPr marL="0" indent="0" algn="l">
              <a:buNone/>
              <a:defRPr sz="20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10" name="Plassholder for bilde 9">
            <a:extLst>
              <a:ext uri="{FF2B5EF4-FFF2-40B4-BE49-F238E27FC236}">
                <a16:creationId xmlns:a16="http://schemas.microsoft.com/office/drawing/2014/main" id="{D474810F-C877-278E-54D5-2CB25AE11E2F}"/>
              </a:ext>
            </a:extLst>
          </p:cNvPr>
          <p:cNvSpPr>
            <a:spLocks noGrp="1"/>
          </p:cNvSpPr>
          <p:nvPr>
            <p:ph type="pic" sz="quarter" idx="20" hasCustomPrompt="1"/>
          </p:nvPr>
        </p:nvSpPr>
        <p:spPr>
          <a:xfrm>
            <a:off x="838199" y="1440000"/>
            <a:ext cx="5807594" cy="2453607"/>
          </a:xfrm>
          <a:custGeom>
            <a:avLst/>
            <a:gdLst>
              <a:gd name="connsiteX0" fmla="*/ 550291 w 5807594"/>
              <a:gd name="connsiteY0" fmla="*/ 0 h 2453607"/>
              <a:gd name="connsiteX1" fmla="*/ 5702130 w 5807594"/>
              <a:gd name="connsiteY1" fmla="*/ 0 h 2453607"/>
              <a:gd name="connsiteX2" fmla="*/ 5792429 w 5807594"/>
              <a:gd name="connsiteY2" fmla="*/ 159512 h 2453607"/>
              <a:gd name="connsiteX3" fmla="*/ 4446757 w 5807594"/>
              <a:gd name="connsiteY3" fmla="*/ 2402484 h 2453607"/>
              <a:gd name="connsiteX4" fmla="*/ 4356457 w 5807594"/>
              <a:gd name="connsiteY4" fmla="*/ 2453607 h 2453607"/>
              <a:gd name="connsiteX5" fmla="*/ 105308 w 5807594"/>
              <a:gd name="connsiteY5" fmla="*/ 2453607 h 2453607"/>
              <a:gd name="connsiteX6" fmla="*/ 0 w 5807594"/>
              <a:gd name="connsiteY6" fmla="*/ 2348290 h 2453607"/>
              <a:gd name="connsiteX7" fmla="*/ 0 w 5807594"/>
              <a:gd name="connsiteY7" fmla="*/ 847047 h 2453607"/>
              <a:gd name="connsiteX8" fmla="*/ 15009 w 5807594"/>
              <a:gd name="connsiteY8" fmla="*/ 792853 h 2453607"/>
              <a:gd name="connsiteX9" fmla="*/ 459991 w 5807594"/>
              <a:gd name="connsiteY9" fmla="*/ 51123 h 2453607"/>
              <a:gd name="connsiteX10" fmla="*/ 550291 w 5807594"/>
              <a:gd name="connsiteY10" fmla="*/ 0 h 24536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807594" h="2453607">
                <a:moveTo>
                  <a:pt x="550291" y="0"/>
                </a:moveTo>
                <a:lnTo>
                  <a:pt x="5702130" y="0"/>
                </a:lnTo>
                <a:cubicBezTo>
                  <a:pt x="5783983" y="0"/>
                  <a:pt x="5834532" y="89317"/>
                  <a:pt x="5792429" y="159512"/>
                </a:cubicBezTo>
                <a:lnTo>
                  <a:pt x="4446757" y="2402484"/>
                </a:lnTo>
                <a:cubicBezTo>
                  <a:pt x="4427736" y="2434213"/>
                  <a:pt x="4393459" y="2453607"/>
                  <a:pt x="4356457" y="2453607"/>
                </a:cubicBezTo>
                <a:lnTo>
                  <a:pt x="105308" y="2453607"/>
                </a:lnTo>
                <a:cubicBezTo>
                  <a:pt x="47156" y="2453607"/>
                  <a:pt x="0" y="2406447"/>
                  <a:pt x="0" y="2348290"/>
                </a:cubicBezTo>
                <a:lnTo>
                  <a:pt x="0" y="847047"/>
                </a:lnTo>
                <a:cubicBezTo>
                  <a:pt x="0" y="827950"/>
                  <a:pt x="5176" y="809225"/>
                  <a:pt x="15009" y="792853"/>
                </a:cubicBezTo>
                <a:lnTo>
                  <a:pt x="459991" y="51123"/>
                </a:lnTo>
                <a:cubicBezTo>
                  <a:pt x="479037" y="19419"/>
                  <a:pt x="513314" y="0"/>
                  <a:pt x="550291" y="0"/>
                </a:cubicBezTo>
                <a:close/>
              </a:path>
            </a:pathLst>
          </a:custGeom>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11" name="Plassholder for bilde 10">
            <a:extLst>
              <a:ext uri="{FF2B5EF4-FFF2-40B4-BE49-F238E27FC236}">
                <a16:creationId xmlns:a16="http://schemas.microsoft.com/office/drawing/2014/main" id="{A57A2679-F056-ADC0-F625-225E8A90F17C}"/>
              </a:ext>
            </a:extLst>
          </p:cNvPr>
          <p:cNvSpPr>
            <a:spLocks noGrp="1"/>
          </p:cNvSpPr>
          <p:nvPr>
            <p:ph type="pic" sz="quarter" idx="21" hasCustomPrompt="1"/>
          </p:nvPr>
        </p:nvSpPr>
        <p:spPr>
          <a:xfrm>
            <a:off x="5544444" y="1440000"/>
            <a:ext cx="5804594" cy="2453607"/>
          </a:xfrm>
          <a:custGeom>
            <a:avLst/>
            <a:gdLst>
              <a:gd name="connsiteX0" fmla="*/ 1451113 w 5804594"/>
              <a:gd name="connsiteY0" fmla="*/ 0 h 2453607"/>
              <a:gd name="connsiteX1" fmla="*/ 5702287 w 5804594"/>
              <a:gd name="connsiteY1" fmla="*/ 0 h 2453607"/>
              <a:gd name="connsiteX2" fmla="*/ 5799318 w 5804594"/>
              <a:gd name="connsiteY2" fmla="*/ 64326 h 2453607"/>
              <a:gd name="connsiteX3" fmla="*/ 5804594 w 5804594"/>
              <a:gd name="connsiteY3" fmla="*/ 90455 h 2453607"/>
              <a:gd name="connsiteX4" fmla="*/ 5804594 w 5804594"/>
              <a:gd name="connsiteY4" fmla="*/ 1617397 h 2453607"/>
              <a:gd name="connsiteX5" fmla="*/ 5792587 w 5804594"/>
              <a:gd name="connsiteY5" fmla="*/ 1660755 h 2453607"/>
              <a:gd name="connsiteX6" fmla="*/ 5347604 w 5804594"/>
              <a:gd name="connsiteY6" fmla="*/ 2402484 h 2453607"/>
              <a:gd name="connsiteX7" fmla="*/ 5257305 w 5804594"/>
              <a:gd name="connsiteY7" fmla="*/ 2453607 h 2453607"/>
              <a:gd name="connsiteX8" fmla="*/ 105466 w 5804594"/>
              <a:gd name="connsiteY8" fmla="*/ 2453607 h 2453607"/>
              <a:gd name="connsiteX9" fmla="*/ 15166 w 5804594"/>
              <a:gd name="connsiteY9" fmla="*/ 2294096 h 2453607"/>
              <a:gd name="connsiteX10" fmla="*/ 1360814 w 5804594"/>
              <a:gd name="connsiteY10" fmla="*/ 51123 h 2453607"/>
              <a:gd name="connsiteX11" fmla="*/ 1451113 w 5804594"/>
              <a:gd name="connsiteY11" fmla="*/ 0 h 24536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804594" h="2453607">
                <a:moveTo>
                  <a:pt x="1451113" y="0"/>
                </a:moveTo>
                <a:lnTo>
                  <a:pt x="5702287" y="0"/>
                </a:lnTo>
                <a:cubicBezTo>
                  <a:pt x="5745901" y="0"/>
                  <a:pt x="5783330" y="26528"/>
                  <a:pt x="5799318" y="64326"/>
                </a:cubicBezTo>
                <a:lnTo>
                  <a:pt x="5804594" y="90455"/>
                </a:lnTo>
                <a:lnTo>
                  <a:pt x="5804594" y="1617397"/>
                </a:lnTo>
                <a:lnTo>
                  <a:pt x="5792587" y="1660755"/>
                </a:lnTo>
                <a:lnTo>
                  <a:pt x="5347604" y="2402484"/>
                </a:lnTo>
                <a:cubicBezTo>
                  <a:pt x="5328583" y="2434213"/>
                  <a:pt x="5294306" y="2453607"/>
                  <a:pt x="5257305" y="2453607"/>
                </a:cubicBezTo>
                <a:lnTo>
                  <a:pt x="105466" y="2453607"/>
                </a:lnTo>
                <a:cubicBezTo>
                  <a:pt x="23612" y="2453607"/>
                  <a:pt x="-26937" y="2364291"/>
                  <a:pt x="15166" y="2294096"/>
                </a:cubicBezTo>
                <a:lnTo>
                  <a:pt x="1360814" y="51123"/>
                </a:lnTo>
                <a:cubicBezTo>
                  <a:pt x="1379835" y="19394"/>
                  <a:pt x="1414112" y="0"/>
                  <a:pt x="1451113" y="0"/>
                </a:cubicBezTo>
                <a:close/>
              </a:path>
            </a:pathLst>
          </a:custGeom>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3" name="Tittel 1">
            <a:extLst>
              <a:ext uri="{FF2B5EF4-FFF2-40B4-BE49-F238E27FC236}">
                <a16:creationId xmlns:a16="http://schemas.microsoft.com/office/drawing/2014/main" id="{AA838C6F-4841-0C06-EE18-C88AD02221B4}"/>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1905920573"/>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Tekster og bilder (v1)">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CB5DEFFC-D7C4-6B35-6CEB-9E471EACDB7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45" name="Plassholder for innhold 3">
            <a:extLst>
              <a:ext uri="{FF2B5EF4-FFF2-40B4-BE49-F238E27FC236}">
                <a16:creationId xmlns:a16="http://schemas.microsoft.com/office/drawing/2014/main" id="{D803BA19-787A-BF2B-4B32-3940DD68E852}"/>
              </a:ext>
            </a:extLst>
          </p:cNvPr>
          <p:cNvSpPr>
            <a:spLocks noGrp="1"/>
          </p:cNvSpPr>
          <p:nvPr>
            <p:ph sz="half" idx="2" hasCustomPrompt="1"/>
          </p:nvPr>
        </p:nvSpPr>
        <p:spPr>
          <a:xfrm>
            <a:off x="839789" y="4716000"/>
            <a:ext cx="3014582" cy="151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6" name="Plassholder for innhold 3">
            <a:extLst>
              <a:ext uri="{FF2B5EF4-FFF2-40B4-BE49-F238E27FC236}">
                <a16:creationId xmlns:a16="http://schemas.microsoft.com/office/drawing/2014/main" id="{2184F4D8-439E-8411-8CAC-50791DB90DBB}"/>
              </a:ext>
            </a:extLst>
          </p:cNvPr>
          <p:cNvSpPr>
            <a:spLocks noGrp="1"/>
          </p:cNvSpPr>
          <p:nvPr>
            <p:ph sz="half" idx="14" hasCustomPrompt="1"/>
          </p:nvPr>
        </p:nvSpPr>
        <p:spPr>
          <a:xfrm>
            <a:off x="4417200" y="4716000"/>
            <a:ext cx="3014582" cy="151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7" name="Plassholder for innhold 3">
            <a:extLst>
              <a:ext uri="{FF2B5EF4-FFF2-40B4-BE49-F238E27FC236}">
                <a16:creationId xmlns:a16="http://schemas.microsoft.com/office/drawing/2014/main" id="{716427F7-B558-E305-F237-770008E04BF9}"/>
              </a:ext>
            </a:extLst>
          </p:cNvPr>
          <p:cNvSpPr>
            <a:spLocks noGrp="1"/>
          </p:cNvSpPr>
          <p:nvPr>
            <p:ph sz="half" idx="16" hasCustomPrompt="1"/>
          </p:nvPr>
        </p:nvSpPr>
        <p:spPr>
          <a:xfrm>
            <a:off x="7999200" y="4716000"/>
            <a:ext cx="3014582" cy="151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8" name="Plassholder for tekst 2">
            <a:extLst>
              <a:ext uri="{FF2B5EF4-FFF2-40B4-BE49-F238E27FC236}">
                <a16:creationId xmlns:a16="http://schemas.microsoft.com/office/drawing/2014/main" id="{4C7E3C2E-8599-08BA-7124-C35BFD36608B}"/>
              </a:ext>
            </a:extLst>
          </p:cNvPr>
          <p:cNvSpPr>
            <a:spLocks noGrp="1"/>
          </p:cNvSpPr>
          <p:nvPr>
            <p:ph type="body" idx="1" hasCustomPrompt="1"/>
          </p:nvPr>
        </p:nvSpPr>
        <p:spPr>
          <a:xfrm>
            <a:off x="7999200" y="3996000"/>
            <a:ext cx="3014582" cy="601370"/>
          </a:xfrm>
        </p:spPr>
        <p:txBody>
          <a:bodyPr tIns="0" bIns="0" anchor="b">
            <a:noAutofit/>
          </a:bodyPr>
          <a:lstStyle>
            <a:lvl1pPr marL="0" indent="0" algn="l">
              <a:buNone/>
              <a:defRPr sz="20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49" name="Plassholder for tekst 2">
            <a:extLst>
              <a:ext uri="{FF2B5EF4-FFF2-40B4-BE49-F238E27FC236}">
                <a16:creationId xmlns:a16="http://schemas.microsoft.com/office/drawing/2014/main" id="{D9D54EDD-FD96-438A-C2B8-5E625E1C779A}"/>
              </a:ext>
            </a:extLst>
          </p:cNvPr>
          <p:cNvSpPr>
            <a:spLocks noGrp="1"/>
          </p:cNvSpPr>
          <p:nvPr>
            <p:ph type="body" idx="17" hasCustomPrompt="1"/>
          </p:nvPr>
        </p:nvSpPr>
        <p:spPr>
          <a:xfrm>
            <a:off x="4417200" y="3996000"/>
            <a:ext cx="3014582" cy="601370"/>
          </a:xfrm>
        </p:spPr>
        <p:txBody>
          <a:bodyPr tIns="0" bIns="0" anchor="b">
            <a:noAutofit/>
          </a:bodyPr>
          <a:lstStyle>
            <a:lvl1pPr marL="0" indent="0" algn="l">
              <a:buNone/>
              <a:defRPr sz="20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50" name="Plassholder for tekst 2">
            <a:extLst>
              <a:ext uri="{FF2B5EF4-FFF2-40B4-BE49-F238E27FC236}">
                <a16:creationId xmlns:a16="http://schemas.microsoft.com/office/drawing/2014/main" id="{321B0A13-19E8-6EAF-D8A6-C099FA37D055}"/>
              </a:ext>
            </a:extLst>
          </p:cNvPr>
          <p:cNvSpPr>
            <a:spLocks noGrp="1"/>
          </p:cNvSpPr>
          <p:nvPr>
            <p:ph type="body" idx="18" hasCustomPrompt="1"/>
          </p:nvPr>
        </p:nvSpPr>
        <p:spPr>
          <a:xfrm>
            <a:off x="834471" y="3996000"/>
            <a:ext cx="3014582" cy="601370"/>
          </a:xfrm>
        </p:spPr>
        <p:txBody>
          <a:bodyPr tIns="0" bIns="0" anchor="b">
            <a:noAutofit/>
          </a:bodyPr>
          <a:lstStyle>
            <a:lvl1pPr marL="0" indent="0" algn="l">
              <a:buNone/>
              <a:defRPr sz="20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14" name="Plassholder for bilde 13">
            <a:extLst>
              <a:ext uri="{FF2B5EF4-FFF2-40B4-BE49-F238E27FC236}">
                <a16:creationId xmlns:a16="http://schemas.microsoft.com/office/drawing/2014/main" id="{87EAD5F9-13E1-1894-0AFA-8C4434C77B60}"/>
              </a:ext>
            </a:extLst>
          </p:cNvPr>
          <p:cNvSpPr>
            <a:spLocks noGrp="1"/>
          </p:cNvSpPr>
          <p:nvPr>
            <p:ph type="pic" sz="quarter" idx="20" hasCustomPrompt="1"/>
          </p:nvPr>
        </p:nvSpPr>
        <p:spPr>
          <a:xfrm>
            <a:off x="838851" y="1440000"/>
            <a:ext cx="4090316" cy="2446390"/>
          </a:xfrm>
          <a:custGeom>
            <a:avLst/>
            <a:gdLst>
              <a:gd name="connsiteX0" fmla="*/ 550303 w 4090316"/>
              <a:gd name="connsiteY0" fmla="*/ 0 h 2446390"/>
              <a:gd name="connsiteX1" fmla="*/ 3984850 w 4090316"/>
              <a:gd name="connsiteY1" fmla="*/ 0 h 2446390"/>
              <a:gd name="connsiteX2" fmla="*/ 4075151 w 4090316"/>
              <a:gd name="connsiteY2" fmla="*/ 159447 h 2446390"/>
              <a:gd name="connsiteX3" fmla="*/ 2729448 w 4090316"/>
              <a:gd name="connsiteY3" fmla="*/ 2401514 h 2446390"/>
              <a:gd name="connsiteX4" fmla="*/ 2691040 w 4090316"/>
              <a:gd name="connsiteY4" fmla="*/ 2438960 h 2446390"/>
              <a:gd name="connsiteX5" fmla="*/ 2662807 w 4090316"/>
              <a:gd name="connsiteY5" fmla="*/ 2446390 h 2446390"/>
              <a:gd name="connsiteX6" fmla="*/ 74463 w 4090316"/>
              <a:gd name="connsiteY6" fmla="*/ 2446390 h 2446390"/>
              <a:gd name="connsiteX7" fmla="*/ 64322 w 4090316"/>
              <a:gd name="connsiteY7" fmla="*/ 2444343 h 2446390"/>
              <a:gd name="connsiteX8" fmla="*/ 0 w 4090316"/>
              <a:gd name="connsiteY8" fmla="*/ 2347342 h 2446390"/>
              <a:gd name="connsiteX9" fmla="*/ 0 w 4090316"/>
              <a:gd name="connsiteY9" fmla="*/ 846705 h 2446390"/>
              <a:gd name="connsiteX10" fmla="*/ 15009 w 4090316"/>
              <a:gd name="connsiteY10" fmla="*/ 792532 h 2446390"/>
              <a:gd name="connsiteX11" fmla="*/ 460002 w 4090316"/>
              <a:gd name="connsiteY11" fmla="*/ 51102 h 2446390"/>
              <a:gd name="connsiteX12" fmla="*/ 550303 w 4090316"/>
              <a:gd name="connsiteY12" fmla="*/ 0 h 2446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090316" h="2446390">
                <a:moveTo>
                  <a:pt x="550303" y="0"/>
                </a:moveTo>
                <a:lnTo>
                  <a:pt x="3984850" y="0"/>
                </a:lnTo>
                <a:cubicBezTo>
                  <a:pt x="4066706" y="0"/>
                  <a:pt x="4117256" y="89281"/>
                  <a:pt x="4075151" y="159447"/>
                </a:cubicBezTo>
                <a:lnTo>
                  <a:pt x="2729448" y="2401514"/>
                </a:lnTo>
                <a:cubicBezTo>
                  <a:pt x="2719938" y="2417373"/>
                  <a:pt x="2706613" y="2430149"/>
                  <a:pt x="2691040" y="2438960"/>
                </a:cubicBezTo>
                <a:lnTo>
                  <a:pt x="2662807" y="2446390"/>
                </a:lnTo>
                <a:lnTo>
                  <a:pt x="74463" y="2446390"/>
                </a:lnTo>
                <a:lnTo>
                  <a:pt x="64322" y="2444343"/>
                </a:lnTo>
                <a:cubicBezTo>
                  <a:pt x="26526" y="2428360"/>
                  <a:pt x="0" y="2390943"/>
                  <a:pt x="0" y="2347342"/>
                </a:cubicBezTo>
                <a:lnTo>
                  <a:pt x="0" y="846705"/>
                </a:lnTo>
                <a:cubicBezTo>
                  <a:pt x="0" y="827616"/>
                  <a:pt x="5176" y="808898"/>
                  <a:pt x="15009" y="792532"/>
                </a:cubicBezTo>
                <a:lnTo>
                  <a:pt x="460002" y="51102"/>
                </a:lnTo>
                <a:cubicBezTo>
                  <a:pt x="479048" y="19411"/>
                  <a:pt x="513326" y="0"/>
                  <a:pt x="550303" y="0"/>
                </a:cubicBezTo>
                <a:close/>
              </a:path>
            </a:pathLst>
          </a:custGeom>
        </p:spPr>
        <p:txBody>
          <a:bodyPr wrap="square" anchor="ctr">
            <a:noAutofit/>
          </a:bodyPr>
          <a:lstStyle>
            <a:lvl1pPr marL="0" indent="0" algn="ctr">
              <a:buNone/>
              <a:defRPr sz="1600"/>
            </a:lvl1pPr>
          </a:lstStyle>
          <a:p>
            <a:r>
              <a:rPr lang="nb-NO" dirty="0"/>
              <a:t>Klikk på ikonet </a:t>
            </a:r>
            <a:br>
              <a:rPr lang="nb-NO" dirty="0"/>
            </a:br>
            <a:r>
              <a:rPr lang="nb-NO" dirty="0"/>
              <a:t>for å legge til et bilde</a:t>
            </a:r>
          </a:p>
          <a:p>
            <a:endParaRPr lang="nb-NO" dirty="0"/>
          </a:p>
          <a:p>
            <a:endParaRPr lang="nb-NO" dirty="0"/>
          </a:p>
        </p:txBody>
      </p:sp>
      <p:sp>
        <p:nvSpPr>
          <p:cNvPr id="15" name="Plassholder for bilde 14">
            <a:extLst>
              <a:ext uri="{FF2B5EF4-FFF2-40B4-BE49-F238E27FC236}">
                <a16:creationId xmlns:a16="http://schemas.microsoft.com/office/drawing/2014/main" id="{22A35B71-796D-56B5-4257-E352D09B60F4}"/>
              </a:ext>
            </a:extLst>
          </p:cNvPr>
          <p:cNvSpPr>
            <a:spLocks noGrp="1"/>
          </p:cNvSpPr>
          <p:nvPr>
            <p:ph type="pic" sz="quarter" idx="21" hasCustomPrompt="1"/>
          </p:nvPr>
        </p:nvSpPr>
        <p:spPr>
          <a:xfrm>
            <a:off x="3747679" y="1440000"/>
            <a:ext cx="4693549" cy="2444831"/>
          </a:xfrm>
          <a:custGeom>
            <a:avLst/>
            <a:gdLst>
              <a:gd name="connsiteX0" fmla="*/ 1446076 w 4693549"/>
              <a:gd name="connsiteY0" fmla="*/ 0 h 2444831"/>
              <a:gd name="connsiteX1" fmla="*/ 4588451 w 4693549"/>
              <a:gd name="connsiteY1" fmla="*/ 0 h 2444831"/>
              <a:gd name="connsiteX2" fmla="*/ 4678437 w 4693549"/>
              <a:gd name="connsiteY2" fmla="*/ 158946 h 2444831"/>
              <a:gd name="connsiteX3" fmla="*/ 3337435 w 4693549"/>
              <a:gd name="connsiteY3" fmla="*/ 2393965 h 2444831"/>
              <a:gd name="connsiteX4" fmla="*/ 3299162 w 4693549"/>
              <a:gd name="connsiteY4" fmla="*/ 2431283 h 2444831"/>
              <a:gd name="connsiteX5" fmla="*/ 3247738 w 4693549"/>
              <a:gd name="connsiteY5" fmla="*/ 2444831 h 2444831"/>
              <a:gd name="connsiteX6" fmla="*/ 104543 w 4693549"/>
              <a:gd name="connsiteY6" fmla="*/ 2444831 h 2444831"/>
              <a:gd name="connsiteX7" fmla="*/ 76092 w 4693549"/>
              <a:gd name="connsiteY7" fmla="*/ 2440946 h 2444831"/>
              <a:gd name="connsiteX8" fmla="*/ 15113 w 4693549"/>
              <a:gd name="connsiteY8" fmla="*/ 2285961 h 2444831"/>
              <a:gd name="connsiteX9" fmla="*/ 1356091 w 4693549"/>
              <a:gd name="connsiteY9" fmla="*/ 50942 h 2444831"/>
              <a:gd name="connsiteX10" fmla="*/ 1446076 w 4693549"/>
              <a:gd name="connsiteY10" fmla="*/ 0 h 24448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693549" h="2444831">
                <a:moveTo>
                  <a:pt x="1446076" y="0"/>
                </a:moveTo>
                <a:lnTo>
                  <a:pt x="4588451" y="0"/>
                </a:lnTo>
                <a:cubicBezTo>
                  <a:pt x="4670021" y="0"/>
                  <a:pt x="4720394" y="89000"/>
                  <a:pt x="4678437" y="158946"/>
                </a:cubicBezTo>
                <a:lnTo>
                  <a:pt x="3337435" y="2393965"/>
                </a:lnTo>
                <a:cubicBezTo>
                  <a:pt x="3327958" y="2409761"/>
                  <a:pt x="3314680" y="2422497"/>
                  <a:pt x="3299162" y="2431283"/>
                </a:cubicBezTo>
                <a:lnTo>
                  <a:pt x="3247738" y="2444831"/>
                </a:lnTo>
                <a:lnTo>
                  <a:pt x="104543" y="2444831"/>
                </a:lnTo>
                <a:lnTo>
                  <a:pt x="76092" y="2440946"/>
                </a:lnTo>
                <a:cubicBezTo>
                  <a:pt x="12378" y="2422955"/>
                  <a:pt x="-21600" y="2347164"/>
                  <a:pt x="15113" y="2285961"/>
                </a:cubicBezTo>
                <a:lnTo>
                  <a:pt x="1356091" y="50942"/>
                </a:lnTo>
                <a:cubicBezTo>
                  <a:pt x="1375045" y="19350"/>
                  <a:pt x="1409203" y="0"/>
                  <a:pt x="1446076" y="0"/>
                </a:cubicBezTo>
                <a:close/>
              </a:path>
            </a:pathLst>
          </a:custGeom>
        </p:spPr>
        <p:txBody>
          <a:bodyPr wrap="square" anchor="ctr">
            <a:noAutofit/>
          </a:bodyPr>
          <a:lstStyle>
            <a:lvl1pPr marL="0" indent="0" algn="ctr">
              <a:buNone/>
              <a:defRPr sz="1600"/>
            </a:lvl1pPr>
          </a:lstStyle>
          <a:p>
            <a:r>
              <a:rPr lang="nb-NO" dirty="0"/>
              <a:t>Klikk på ikonet </a:t>
            </a:r>
            <a:br>
              <a:rPr lang="nb-NO" dirty="0"/>
            </a:br>
            <a:r>
              <a:rPr lang="nb-NO" dirty="0"/>
              <a:t>for å legge til et bilde</a:t>
            </a:r>
          </a:p>
          <a:p>
            <a:endParaRPr lang="nb-NO" dirty="0"/>
          </a:p>
          <a:p>
            <a:endParaRPr lang="nb-NO" dirty="0"/>
          </a:p>
        </p:txBody>
      </p:sp>
      <p:sp>
        <p:nvSpPr>
          <p:cNvPr id="16" name="Plassholder for bilde 15">
            <a:extLst>
              <a:ext uri="{FF2B5EF4-FFF2-40B4-BE49-F238E27FC236}">
                <a16:creationId xmlns:a16="http://schemas.microsoft.com/office/drawing/2014/main" id="{F192C758-8ED4-4059-815F-EE9B52B6CA00}"/>
              </a:ext>
            </a:extLst>
          </p:cNvPr>
          <p:cNvSpPr>
            <a:spLocks noGrp="1"/>
          </p:cNvSpPr>
          <p:nvPr>
            <p:ph type="pic" sz="quarter" idx="22" hasCustomPrompt="1"/>
          </p:nvPr>
        </p:nvSpPr>
        <p:spPr>
          <a:xfrm>
            <a:off x="7262835" y="1440000"/>
            <a:ext cx="4115796" cy="2446390"/>
          </a:xfrm>
          <a:custGeom>
            <a:avLst/>
            <a:gdLst>
              <a:gd name="connsiteX0" fmla="*/ 1447511 w 4115796"/>
              <a:gd name="connsiteY0" fmla="*/ 0 h 2446390"/>
              <a:gd name="connsiteX1" fmla="*/ 4010750 w 4115796"/>
              <a:gd name="connsiteY1" fmla="*/ 0 h 2446390"/>
              <a:gd name="connsiteX2" fmla="*/ 4115796 w 4115796"/>
              <a:gd name="connsiteY2" fmla="*/ 105053 h 2446390"/>
              <a:gd name="connsiteX3" fmla="*/ 4115796 w 4115796"/>
              <a:gd name="connsiteY3" fmla="*/ 1602531 h 2446390"/>
              <a:gd name="connsiteX4" fmla="*/ 4100825 w 4115796"/>
              <a:gd name="connsiteY4" fmla="*/ 1656590 h 2446390"/>
              <a:gd name="connsiteX5" fmla="*/ 3656947 w 4115796"/>
              <a:gd name="connsiteY5" fmla="*/ 2396459 h 2446390"/>
              <a:gd name="connsiteX6" fmla="*/ 3618635 w 4115796"/>
              <a:gd name="connsiteY6" fmla="*/ 2433825 h 2446390"/>
              <a:gd name="connsiteX7" fmla="*/ 3570912 w 4115796"/>
              <a:gd name="connsiteY7" fmla="*/ 2446390 h 2446390"/>
              <a:gd name="connsiteX8" fmla="*/ 97411 w 4115796"/>
              <a:gd name="connsiteY8" fmla="*/ 2446390 h 2446390"/>
              <a:gd name="connsiteX9" fmla="*/ 76168 w 4115796"/>
              <a:gd name="connsiteY9" fmla="*/ 2443489 h 2446390"/>
              <a:gd name="connsiteX10" fmla="*/ 15128 w 4115796"/>
              <a:gd name="connsiteY10" fmla="*/ 2288342 h 2446390"/>
              <a:gd name="connsiteX11" fmla="*/ 1357436 w 4115796"/>
              <a:gd name="connsiteY11" fmla="*/ 50995 h 2446390"/>
              <a:gd name="connsiteX12" fmla="*/ 1447511 w 4115796"/>
              <a:gd name="connsiteY12" fmla="*/ 0 h 2446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15796" h="2446390">
                <a:moveTo>
                  <a:pt x="1447511" y="0"/>
                </a:moveTo>
                <a:lnTo>
                  <a:pt x="4010750" y="0"/>
                </a:lnTo>
                <a:cubicBezTo>
                  <a:pt x="4068758" y="0"/>
                  <a:pt x="4115796" y="47042"/>
                  <a:pt x="4115796" y="105053"/>
                </a:cubicBezTo>
                <a:lnTo>
                  <a:pt x="4115796" y="1602531"/>
                </a:lnTo>
                <a:cubicBezTo>
                  <a:pt x="4115796" y="1621580"/>
                  <a:pt x="4110633" y="1640259"/>
                  <a:pt x="4100825" y="1656590"/>
                </a:cubicBezTo>
                <a:lnTo>
                  <a:pt x="3656947" y="2396459"/>
                </a:lnTo>
                <a:cubicBezTo>
                  <a:pt x="3647460" y="2412284"/>
                  <a:pt x="3634168" y="2425032"/>
                  <a:pt x="3618635" y="2433825"/>
                </a:cubicBezTo>
                <a:lnTo>
                  <a:pt x="3570912" y="2446390"/>
                </a:lnTo>
                <a:lnTo>
                  <a:pt x="97411" y="2446390"/>
                </a:lnTo>
                <a:lnTo>
                  <a:pt x="76168" y="2443489"/>
                </a:lnTo>
                <a:cubicBezTo>
                  <a:pt x="12391" y="2425479"/>
                  <a:pt x="-21621" y="2349609"/>
                  <a:pt x="15128" y="2288342"/>
                </a:cubicBezTo>
                <a:lnTo>
                  <a:pt x="1357436" y="50995"/>
                </a:lnTo>
                <a:cubicBezTo>
                  <a:pt x="1376409" y="19345"/>
                  <a:pt x="1410601" y="0"/>
                  <a:pt x="1447511" y="0"/>
                </a:cubicBezTo>
                <a:close/>
              </a:path>
            </a:pathLst>
          </a:custGeom>
        </p:spPr>
        <p:txBody>
          <a:bodyPr wrap="square" anchor="ctr">
            <a:noAutofit/>
          </a:bodyPr>
          <a:lstStyle>
            <a:lvl1pPr marL="0" indent="0" algn="ctr">
              <a:buNone/>
              <a:defRPr sz="1600"/>
            </a:lvl1pPr>
          </a:lstStyle>
          <a:p>
            <a:r>
              <a:rPr lang="nb-NO" dirty="0"/>
              <a:t>Klikk på ikonet </a:t>
            </a:r>
            <a:br>
              <a:rPr lang="nb-NO" dirty="0"/>
            </a:br>
            <a:r>
              <a:rPr lang="nb-NO" dirty="0"/>
              <a:t>for å legge til et bilde</a:t>
            </a:r>
          </a:p>
          <a:p>
            <a:endParaRPr lang="nb-NO" dirty="0"/>
          </a:p>
          <a:p>
            <a:endParaRPr lang="nb-NO" dirty="0"/>
          </a:p>
        </p:txBody>
      </p:sp>
      <p:sp>
        <p:nvSpPr>
          <p:cNvPr id="3" name="Tittel 1">
            <a:extLst>
              <a:ext uri="{FF2B5EF4-FFF2-40B4-BE49-F238E27FC236}">
                <a16:creationId xmlns:a16="http://schemas.microsoft.com/office/drawing/2014/main" id="{7AE3BC8E-337B-2220-C0AF-CA7CE6B08E9E}"/>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27013184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tandardforside 2">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A51597EE-9C80-BED4-B972-F77187939CB5}"/>
              </a:ext>
            </a:extLst>
          </p:cNvPr>
          <p:cNvSpPr>
            <a:spLocks noGrp="1"/>
          </p:cNvSpPr>
          <p:nvPr>
            <p:ph type="ctrTitle" hasCustomPrompt="1"/>
          </p:nvPr>
        </p:nvSpPr>
        <p:spPr>
          <a:xfrm>
            <a:off x="838199" y="1501160"/>
            <a:ext cx="4971402" cy="3505737"/>
          </a:xfrm>
        </p:spPr>
        <p:txBody>
          <a:bodyPr anchor="b">
            <a:noAutofit/>
          </a:bodyPr>
          <a:lstStyle>
            <a:lvl1pPr algn="l">
              <a:defRPr sz="5400">
                <a:solidFill>
                  <a:schemeClr val="bg2"/>
                </a:solidFill>
                <a:latin typeface="Aptos" panose="020B0004020202020204" pitchFamily="34" charset="0"/>
              </a:defRPr>
            </a:lvl1pPr>
          </a:lstStyle>
          <a:p>
            <a:r>
              <a:rPr lang="nb-NO" dirty="0"/>
              <a:t>Klikk for å redigere tittel</a:t>
            </a:r>
          </a:p>
        </p:txBody>
      </p:sp>
      <p:sp>
        <p:nvSpPr>
          <p:cNvPr id="3" name="Undertittel 2">
            <a:extLst>
              <a:ext uri="{FF2B5EF4-FFF2-40B4-BE49-F238E27FC236}">
                <a16:creationId xmlns:a16="http://schemas.microsoft.com/office/drawing/2014/main" id="{6C16562C-6679-120E-9543-2FB6648D17D1}"/>
              </a:ext>
            </a:extLst>
          </p:cNvPr>
          <p:cNvSpPr>
            <a:spLocks noGrp="1"/>
          </p:cNvSpPr>
          <p:nvPr>
            <p:ph type="subTitle" idx="1" hasCustomPrompt="1"/>
          </p:nvPr>
        </p:nvSpPr>
        <p:spPr>
          <a:xfrm>
            <a:off x="838199" y="5120639"/>
            <a:ext cx="4971402" cy="919301"/>
          </a:xfrm>
        </p:spPr>
        <p:txBody>
          <a:bodyPr>
            <a:noAutofit/>
          </a:bodyPr>
          <a:lstStyle>
            <a:lvl1pPr marL="0" indent="0" algn="l">
              <a:buNone/>
              <a:defRPr sz="2000">
                <a:solidFill>
                  <a:schemeClr val="bg2"/>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her for å redigere undertittel</a:t>
            </a:r>
          </a:p>
        </p:txBody>
      </p:sp>
      <p:pic>
        <p:nvPicPr>
          <p:cNvPr id="4" name="Bilde 3">
            <a:extLst>
              <a:ext uri="{FF2B5EF4-FFF2-40B4-BE49-F238E27FC236}">
                <a16:creationId xmlns:a16="http://schemas.microsoft.com/office/drawing/2014/main" id="{DCFC6F05-CC25-3847-DE7E-E810DF531BF6}"/>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8" name="Bilde 7">
            <a:extLst>
              <a:ext uri="{FF2B5EF4-FFF2-40B4-BE49-F238E27FC236}">
                <a16:creationId xmlns:a16="http://schemas.microsoft.com/office/drawing/2014/main" id="{549FC9F5-99DD-1F7B-8314-12867514399A}"/>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pic>
        <p:nvPicPr>
          <p:cNvPr id="6" name="Picture 5" descr="A collage of images of various types of water&#10;&#10;Description automatically generated">
            <a:extLst>
              <a:ext uri="{FF2B5EF4-FFF2-40B4-BE49-F238E27FC236}">
                <a16:creationId xmlns:a16="http://schemas.microsoft.com/office/drawing/2014/main" id="{D6721ECC-DBE3-D267-C4DA-51167C451193}"/>
              </a:ext>
            </a:extLst>
          </p:cNvPr>
          <p:cNvPicPr>
            <a:picLocks noChangeAspect="1"/>
          </p:cNvPicPr>
          <p:nvPr userDrawn="1"/>
        </p:nvPicPr>
        <p:blipFill>
          <a:blip r:embed="rId4"/>
          <a:stretch>
            <a:fillRect/>
          </a:stretch>
        </p:blipFill>
        <p:spPr>
          <a:xfrm>
            <a:off x="6138000" y="828000"/>
            <a:ext cx="5212800" cy="5212800"/>
          </a:xfrm>
          <a:prstGeom prst="rect">
            <a:avLst/>
          </a:prstGeom>
        </p:spPr>
      </p:pic>
    </p:spTree>
    <p:extLst>
      <p:ext uri="{BB962C8B-B14F-4D97-AF65-F5344CB8AC3E}">
        <p14:creationId xmlns:p14="http://schemas.microsoft.com/office/powerpoint/2010/main" val="989526419"/>
      </p:ext>
    </p:extLst>
  </p:cSld>
  <p:clrMapOvr>
    <a:overrideClrMapping bg1="lt1" tx1="dk1" bg2="lt2" tx2="dk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3 Tekster og bilder (v2)">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CB5DEFFC-D7C4-6B35-6CEB-9E471EACDB7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45" name="Plassholder for innhold 3">
            <a:extLst>
              <a:ext uri="{FF2B5EF4-FFF2-40B4-BE49-F238E27FC236}">
                <a16:creationId xmlns:a16="http://schemas.microsoft.com/office/drawing/2014/main" id="{D803BA19-787A-BF2B-4B32-3940DD68E852}"/>
              </a:ext>
            </a:extLst>
          </p:cNvPr>
          <p:cNvSpPr>
            <a:spLocks noGrp="1"/>
          </p:cNvSpPr>
          <p:nvPr>
            <p:ph sz="half" idx="2" hasCustomPrompt="1"/>
          </p:nvPr>
        </p:nvSpPr>
        <p:spPr>
          <a:xfrm>
            <a:off x="839789" y="4716000"/>
            <a:ext cx="3014582" cy="151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6" name="Plassholder for innhold 3">
            <a:extLst>
              <a:ext uri="{FF2B5EF4-FFF2-40B4-BE49-F238E27FC236}">
                <a16:creationId xmlns:a16="http://schemas.microsoft.com/office/drawing/2014/main" id="{2184F4D8-439E-8411-8CAC-50791DB90DBB}"/>
              </a:ext>
            </a:extLst>
          </p:cNvPr>
          <p:cNvSpPr>
            <a:spLocks noGrp="1"/>
          </p:cNvSpPr>
          <p:nvPr>
            <p:ph sz="half" idx="14" hasCustomPrompt="1"/>
          </p:nvPr>
        </p:nvSpPr>
        <p:spPr>
          <a:xfrm>
            <a:off x="4417200" y="4716000"/>
            <a:ext cx="3014582" cy="151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7" name="Plassholder for innhold 3">
            <a:extLst>
              <a:ext uri="{FF2B5EF4-FFF2-40B4-BE49-F238E27FC236}">
                <a16:creationId xmlns:a16="http://schemas.microsoft.com/office/drawing/2014/main" id="{716427F7-B558-E305-F237-770008E04BF9}"/>
              </a:ext>
            </a:extLst>
          </p:cNvPr>
          <p:cNvSpPr>
            <a:spLocks noGrp="1"/>
          </p:cNvSpPr>
          <p:nvPr>
            <p:ph sz="half" idx="16" hasCustomPrompt="1"/>
          </p:nvPr>
        </p:nvSpPr>
        <p:spPr>
          <a:xfrm>
            <a:off x="7999200" y="4716000"/>
            <a:ext cx="3014582" cy="151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8" name="Plassholder for tekst 2">
            <a:extLst>
              <a:ext uri="{FF2B5EF4-FFF2-40B4-BE49-F238E27FC236}">
                <a16:creationId xmlns:a16="http://schemas.microsoft.com/office/drawing/2014/main" id="{4C7E3C2E-8599-08BA-7124-C35BFD36608B}"/>
              </a:ext>
            </a:extLst>
          </p:cNvPr>
          <p:cNvSpPr>
            <a:spLocks noGrp="1"/>
          </p:cNvSpPr>
          <p:nvPr>
            <p:ph type="body" idx="1" hasCustomPrompt="1"/>
          </p:nvPr>
        </p:nvSpPr>
        <p:spPr>
          <a:xfrm>
            <a:off x="7999200" y="3996000"/>
            <a:ext cx="3014582" cy="601370"/>
          </a:xfrm>
        </p:spPr>
        <p:txBody>
          <a:bodyPr tIns="0" bIns="0" anchor="b">
            <a:noAutofit/>
          </a:bodyPr>
          <a:lstStyle>
            <a:lvl1pPr marL="0" indent="0" algn="l">
              <a:buNone/>
              <a:defRPr sz="20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49" name="Plassholder for tekst 2">
            <a:extLst>
              <a:ext uri="{FF2B5EF4-FFF2-40B4-BE49-F238E27FC236}">
                <a16:creationId xmlns:a16="http://schemas.microsoft.com/office/drawing/2014/main" id="{D9D54EDD-FD96-438A-C2B8-5E625E1C779A}"/>
              </a:ext>
            </a:extLst>
          </p:cNvPr>
          <p:cNvSpPr>
            <a:spLocks noGrp="1"/>
          </p:cNvSpPr>
          <p:nvPr>
            <p:ph type="body" idx="17" hasCustomPrompt="1"/>
          </p:nvPr>
        </p:nvSpPr>
        <p:spPr>
          <a:xfrm>
            <a:off x="4417200" y="3996000"/>
            <a:ext cx="3014582" cy="601370"/>
          </a:xfrm>
        </p:spPr>
        <p:txBody>
          <a:bodyPr tIns="0" bIns="0" anchor="b">
            <a:noAutofit/>
          </a:bodyPr>
          <a:lstStyle>
            <a:lvl1pPr marL="0" indent="0" algn="l">
              <a:buNone/>
              <a:defRPr sz="20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50" name="Plassholder for tekst 2">
            <a:extLst>
              <a:ext uri="{FF2B5EF4-FFF2-40B4-BE49-F238E27FC236}">
                <a16:creationId xmlns:a16="http://schemas.microsoft.com/office/drawing/2014/main" id="{321B0A13-19E8-6EAF-D8A6-C099FA37D055}"/>
              </a:ext>
            </a:extLst>
          </p:cNvPr>
          <p:cNvSpPr>
            <a:spLocks noGrp="1"/>
          </p:cNvSpPr>
          <p:nvPr>
            <p:ph type="body" idx="18" hasCustomPrompt="1"/>
          </p:nvPr>
        </p:nvSpPr>
        <p:spPr>
          <a:xfrm>
            <a:off x="834471" y="3996000"/>
            <a:ext cx="3014582" cy="601370"/>
          </a:xfrm>
        </p:spPr>
        <p:txBody>
          <a:bodyPr tIns="0" bIns="0" anchor="b">
            <a:noAutofit/>
          </a:bodyPr>
          <a:lstStyle>
            <a:lvl1pPr marL="0" indent="0" algn="l">
              <a:buNone/>
              <a:defRPr sz="20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12" name="Plassholder for bilde 11">
            <a:extLst>
              <a:ext uri="{FF2B5EF4-FFF2-40B4-BE49-F238E27FC236}">
                <a16:creationId xmlns:a16="http://schemas.microsoft.com/office/drawing/2014/main" id="{FDAD4CF8-FFD5-74CB-5990-00F5B5400630}"/>
              </a:ext>
            </a:extLst>
          </p:cNvPr>
          <p:cNvSpPr>
            <a:spLocks noGrp="1"/>
          </p:cNvSpPr>
          <p:nvPr>
            <p:ph type="pic" sz="quarter" idx="20" hasCustomPrompt="1"/>
          </p:nvPr>
        </p:nvSpPr>
        <p:spPr>
          <a:xfrm>
            <a:off x="836694" y="1440000"/>
            <a:ext cx="3830556" cy="2443918"/>
          </a:xfrm>
          <a:custGeom>
            <a:avLst/>
            <a:gdLst>
              <a:gd name="connsiteX0" fmla="*/ 548351 w 3830556"/>
              <a:gd name="connsiteY0" fmla="*/ 0 h 2443918"/>
              <a:gd name="connsiteX1" fmla="*/ 3726243 w 3830556"/>
              <a:gd name="connsiteY1" fmla="*/ 0 h 2443918"/>
              <a:gd name="connsiteX2" fmla="*/ 3817554 w 3830556"/>
              <a:gd name="connsiteY2" fmla="*/ 53222 h 2443918"/>
              <a:gd name="connsiteX3" fmla="*/ 3830556 w 3830556"/>
              <a:gd name="connsiteY3" fmla="*/ 101660 h 2443918"/>
              <a:gd name="connsiteX4" fmla="*/ 3830556 w 3830556"/>
              <a:gd name="connsiteY4" fmla="*/ 107359 h 2443918"/>
              <a:gd name="connsiteX5" fmla="*/ 3816224 w 3830556"/>
              <a:gd name="connsiteY5" fmla="*/ 158882 h 2443918"/>
              <a:gd name="connsiteX6" fmla="*/ 2948645 w 3830556"/>
              <a:gd name="connsiteY6" fmla="*/ 1604361 h 2443918"/>
              <a:gd name="connsiteX7" fmla="*/ 2933689 w 3830556"/>
              <a:gd name="connsiteY7" fmla="*/ 1658341 h 2443918"/>
              <a:gd name="connsiteX8" fmla="*/ 2933689 w 3830556"/>
              <a:gd name="connsiteY8" fmla="*/ 2339017 h 2443918"/>
              <a:gd name="connsiteX9" fmla="*/ 2828752 w 3830556"/>
              <a:gd name="connsiteY9" fmla="*/ 2443918 h 2443918"/>
              <a:gd name="connsiteX10" fmla="*/ 104937 w 3830556"/>
              <a:gd name="connsiteY10" fmla="*/ 2443918 h 2443918"/>
              <a:gd name="connsiteX11" fmla="*/ 0 w 3830556"/>
              <a:gd name="connsiteY11" fmla="*/ 2339017 h 2443918"/>
              <a:gd name="connsiteX12" fmla="*/ 0 w 3830556"/>
              <a:gd name="connsiteY12" fmla="*/ 843702 h 2443918"/>
              <a:gd name="connsiteX13" fmla="*/ 14956 w 3830556"/>
              <a:gd name="connsiteY13" fmla="*/ 789722 h 2443918"/>
              <a:gd name="connsiteX14" fmla="*/ 458370 w 3830556"/>
              <a:gd name="connsiteY14" fmla="*/ 50921 h 2443918"/>
              <a:gd name="connsiteX15" fmla="*/ 548351 w 3830556"/>
              <a:gd name="connsiteY15" fmla="*/ 0 h 24439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830556" h="2443918">
                <a:moveTo>
                  <a:pt x="548351" y="0"/>
                </a:moveTo>
                <a:lnTo>
                  <a:pt x="3726243" y="0"/>
                </a:lnTo>
                <a:cubicBezTo>
                  <a:pt x="3767026" y="0"/>
                  <a:pt x="3800010" y="22241"/>
                  <a:pt x="3817554" y="53222"/>
                </a:cubicBezTo>
                <a:lnTo>
                  <a:pt x="3830556" y="101660"/>
                </a:lnTo>
                <a:lnTo>
                  <a:pt x="3830556" y="107359"/>
                </a:lnTo>
                <a:lnTo>
                  <a:pt x="3816224" y="158882"/>
                </a:lnTo>
                <a:lnTo>
                  <a:pt x="2948645" y="1604361"/>
                </a:lnTo>
                <a:cubicBezTo>
                  <a:pt x="2938847" y="1620669"/>
                  <a:pt x="2933689" y="1639320"/>
                  <a:pt x="2933689" y="1658341"/>
                </a:cubicBezTo>
                <a:lnTo>
                  <a:pt x="2933689" y="2339017"/>
                </a:lnTo>
                <a:cubicBezTo>
                  <a:pt x="2933689" y="2396945"/>
                  <a:pt x="2886700" y="2443918"/>
                  <a:pt x="2828752" y="2443918"/>
                </a:cubicBezTo>
                <a:lnTo>
                  <a:pt x="104937" y="2443918"/>
                </a:lnTo>
                <a:cubicBezTo>
                  <a:pt x="46990" y="2443918"/>
                  <a:pt x="0" y="2396945"/>
                  <a:pt x="0" y="2339017"/>
                </a:cubicBezTo>
                <a:lnTo>
                  <a:pt x="0" y="843702"/>
                </a:lnTo>
                <a:cubicBezTo>
                  <a:pt x="0" y="824681"/>
                  <a:pt x="5183" y="806029"/>
                  <a:pt x="14956" y="789722"/>
                </a:cubicBezTo>
                <a:lnTo>
                  <a:pt x="458370" y="50921"/>
                </a:lnTo>
                <a:cubicBezTo>
                  <a:pt x="477324" y="19342"/>
                  <a:pt x="511480" y="0"/>
                  <a:pt x="548351" y="0"/>
                </a:cubicBezTo>
                <a:close/>
              </a:path>
            </a:pathLst>
          </a:custGeom>
        </p:spPr>
        <p:txBody>
          <a:bodyPr wrap="square" anchor="ctr">
            <a:noAutofit/>
          </a:bodyPr>
          <a:lstStyle>
            <a:lvl1pPr marL="0" indent="0" algn="ctr">
              <a:buNone/>
              <a:defRPr sz="1600"/>
            </a:lvl1pPr>
          </a:lstStyle>
          <a:p>
            <a:r>
              <a:rPr lang="nb-NO" dirty="0"/>
              <a:t>Klikk på ikonet </a:t>
            </a:r>
            <a:br>
              <a:rPr lang="nb-NO" dirty="0"/>
            </a:br>
            <a:r>
              <a:rPr lang="nb-NO" dirty="0"/>
              <a:t>for å legge til et bilde</a:t>
            </a:r>
          </a:p>
          <a:p>
            <a:endParaRPr lang="nb-NO" dirty="0"/>
          </a:p>
          <a:p>
            <a:endParaRPr lang="nb-NO" dirty="0"/>
          </a:p>
        </p:txBody>
      </p:sp>
      <p:sp>
        <p:nvSpPr>
          <p:cNvPr id="13" name="Plassholder for bilde 12">
            <a:extLst>
              <a:ext uri="{FF2B5EF4-FFF2-40B4-BE49-F238E27FC236}">
                <a16:creationId xmlns:a16="http://schemas.microsoft.com/office/drawing/2014/main" id="{8BD6D2F2-7E27-63B6-EE8C-A9E50E6A9049}"/>
              </a:ext>
            </a:extLst>
          </p:cNvPr>
          <p:cNvSpPr>
            <a:spLocks noGrp="1"/>
          </p:cNvSpPr>
          <p:nvPr>
            <p:ph type="pic" sz="quarter" idx="21" hasCustomPrompt="1"/>
          </p:nvPr>
        </p:nvSpPr>
        <p:spPr>
          <a:xfrm>
            <a:off x="3908358" y="1440000"/>
            <a:ext cx="4399712" cy="2443919"/>
          </a:xfrm>
          <a:custGeom>
            <a:avLst/>
            <a:gdLst>
              <a:gd name="connsiteX0" fmla="*/ 1037106 w 4399712"/>
              <a:gd name="connsiteY0" fmla="*/ 0 h 2443919"/>
              <a:gd name="connsiteX1" fmla="*/ 4294796 w 4399712"/>
              <a:gd name="connsiteY1" fmla="*/ 0 h 2443919"/>
              <a:gd name="connsiteX2" fmla="*/ 4391467 w 4399712"/>
              <a:gd name="connsiteY2" fmla="*/ 64073 h 2443919"/>
              <a:gd name="connsiteX3" fmla="*/ 4399712 w 4399712"/>
              <a:gd name="connsiteY3" fmla="*/ 104897 h 2443919"/>
              <a:gd name="connsiteX4" fmla="*/ 4399712 w 4399712"/>
              <a:gd name="connsiteY4" fmla="*/ 785581 h 2443919"/>
              <a:gd name="connsiteX5" fmla="*/ 4384760 w 4399712"/>
              <a:gd name="connsiteY5" fmla="*/ 839558 h 2443919"/>
              <a:gd name="connsiteX6" fmla="*/ 3452571 w 4399712"/>
              <a:gd name="connsiteY6" fmla="*/ 2392998 h 2443919"/>
              <a:gd name="connsiteX7" fmla="*/ 3362606 w 4399712"/>
              <a:gd name="connsiteY7" fmla="*/ 2443919 h 2443919"/>
              <a:gd name="connsiteX8" fmla="*/ 104917 w 4399712"/>
              <a:gd name="connsiteY8" fmla="*/ 2443919 h 2443919"/>
              <a:gd name="connsiteX9" fmla="*/ 0 w 4399712"/>
              <a:gd name="connsiteY9" fmla="*/ 2339018 h 2443919"/>
              <a:gd name="connsiteX10" fmla="*/ 0 w 4399712"/>
              <a:gd name="connsiteY10" fmla="*/ 1658342 h 2443919"/>
              <a:gd name="connsiteX11" fmla="*/ 14953 w 4399712"/>
              <a:gd name="connsiteY11" fmla="*/ 1604362 h 2443919"/>
              <a:gd name="connsiteX12" fmla="*/ 947142 w 4399712"/>
              <a:gd name="connsiteY12" fmla="*/ 50921 h 2443919"/>
              <a:gd name="connsiteX13" fmla="*/ 1037106 w 4399712"/>
              <a:gd name="connsiteY13" fmla="*/ 0 h 2443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399712" h="2443919">
                <a:moveTo>
                  <a:pt x="1037106" y="0"/>
                </a:moveTo>
                <a:lnTo>
                  <a:pt x="4294796" y="0"/>
                </a:lnTo>
                <a:cubicBezTo>
                  <a:pt x="4338248" y="0"/>
                  <a:pt x="4375538" y="26423"/>
                  <a:pt x="4391467" y="64073"/>
                </a:cubicBezTo>
                <a:lnTo>
                  <a:pt x="4399712" y="104897"/>
                </a:lnTo>
                <a:lnTo>
                  <a:pt x="4399712" y="785581"/>
                </a:lnTo>
                <a:lnTo>
                  <a:pt x="4384760" y="839558"/>
                </a:lnTo>
                <a:lnTo>
                  <a:pt x="3452571" y="2392998"/>
                </a:lnTo>
                <a:cubicBezTo>
                  <a:pt x="3433621" y="2424577"/>
                  <a:pt x="3399470" y="2443919"/>
                  <a:pt x="3362606" y="2443919"/>
                </a:cubicBezTo>
                <a:lnTo>
                  <a:pt x="104917" y="2443919"/>
                </a:lnTo>
                <a:cubicBezTo>
                  <a:pt x="46981" y="2443919"/>
                  <a:pt x="0" y="2396946"/>
                  <a:pt x="0" y="2339018"/>
                </a:cubicBezTo>
                <a:lnTo>
                  <a:pt x="0" y="1658342"/>
                </a:lnTo>
                <a:cubicBezTo>
                  <a:pt x="0" y="1639321"/>
                  <a:pt x="5157" y="1620669"/>
                  <a:pt x="14953" y="1604362"/>
                </a:cubicBezTo>
                <a:lnTo>
                  <a:pt x="947142" y="50921"/>
                </a:lnTo>
                <a:cubicBezTo>
                  <a:pt x="966092" y="19342"/>
                  <a:pt x="1000242" y="0"/>
                  <a:pt x="1037106" y="0"/>
                </a:cubicBezTo>
                <a:close/>
              </a:path>
            </a:pathLst>
          </a:custGeom>
        </p:spPr>
        <p:txBody>
          <a:bodyPr wrap="square" anchor="ctr">
            <a:noAutofit/>
          </a:bodyPr>
          <a:lstStyle>
            <a:lvl1pPr marL="0" indent="0" algn="ctr">
              <a:buNone/>
              <a:defRPr sz="1600"/>
            </a:lvl1pPr>
          </a:lstStyle>
          <a:p>
            <a:r>
              <a:rPr lang="nb-NO" dirty="0"/>
              <a:t>Klikk på ikonet </a:t>
            </a:r>
            <a:br>
              <a:rPr lang="nb-NO" dirty="0"/>
            </a:br>
            <a:r>
              <a:rPr lang="nb-NO" dirty="0"/>
              <a:t>for å legge til et bilde</a:t>
            </a:r>
          </a:p>
          <a:p>
            <a:endParaRPr lang="nb-NO" dirty="0"/>
          </a:p>
          <a:p>
            <a:endParaRPr lang="nb-NO" dirty="0"/>
          </a:p>
        </p:txBody>
      </p:sp>
      <p:sp>
        <p:nvSpPr>
          <p:cNvPr id="17" name="Plassholder for bilde 16">
            <a:extLst>
              <a:ext uri="{FF2B5EF4-FFF2-40B4-BE49-F238E27FC236}">
                <a16:creationId xmlns:a16="http://schemas.microsoft.com/office/drawing/2014/main" id="{D4A7F752-6730-DA5D-7E66-6B2420BADC72}"/>
              </a:ext>
            </a:extLst>
          </p:cNvPr>
          <p:cNvSpPr>
            <a:spLocks noGrp="1"/>
          </p:cNvSpPr>
          <p:nvPr>
            <p:ph type="pic" sz="quarter" idx="22" hasCustomPrompt="1"/>
          </p:nvPr>
        </p:nvSpPr>
        <p:spPr>
          <a:xfrm>
            <a:off x="7549310" y="1440000"/>
            <a:ext cx="3830407" cy="2443340"/>
          </a:xfrm>
          <a:custGeom>
            <a:avLst/>
            <a:gdLst>
              <a:gd name="connsiteX0" fmla="*/ 1002348 w 3830407"/>
              <a:gd name="connsiteY0" fmla="*/ 0 h 2443340"/>
              <a:gd name="connsiteX1" fmla="*/ 3725495 w 3830407"/>
              <a:gd name="connsiteY1" fmla="*/ 0 h 2443340"/>
              <a:gd name="connsiteX2" fmla="*/ 3830407 w 3830407"/>
              <a:gd name="connsiteY2" fmla="*/ 104877 h 2443340"/>
              <a:gd name="connsiteX3" fmla="*/ 3830407 w 3830407"/>
              <a:gd name="connsiteY3" fmla="*/ 1599838 h 2443340"/>
              <a:gd name="connsiteX4" fmla="*/ 3815455 w 3830407"/>
              <a:gd name="connsiteY4" fmla="*/ 1653806 h 2443340"/>
              <a:gd name="connsiteX5" fmla="*/ 3372145 w 3830407"/>
              <a:gd name="connsiteY5" fmla="*/ 2392431 h 2443340"/>
              <a:gd name="connsiteX6" fmla="*/ 3372170 w 3830407"/>
              <a:gd name="connsiteY6" fmla="*/ 2392431 h 2443340"/>
              <a:gd name="connsiteX7" fmla="*/ 3282210 w 3830407"/>
              <a:gd name="connsiteY7" fmla="*/ 2443340 h 2443340"/>
              <a:gd name="connsiteX8" fmla="*/ 105069 w 3830407"/>
              <a:gd name="connsiteY8" fmla="*/ 2443340 h 2443340"/>
              <a:gd name="connsiteX9" fmla="*/ 15109 w 3830407"/>
              <a:gd name="connsiteY9" fmla="*/ 2284496 h 2443340"/>
              <a:gd name="connsiteX10" fmla="*/ 882484 w 3830407"/>
              <a:gd name="connsiteY10" fmla="*/ 839359 h 2443340"/>
              <a:gd name="connsiteX11" fmla="*/ 897436 w 3830407"/>
              <a:gd name="connsiteY11" fmla="*/ 785391 h 2443340"/>
              <a:gd name="connsiteX12" fmla="*/ 897436 w 3830407"/>
              <a:gd name="connsiteY12" fmla="*/ 104877 h 2443340"/>
              <a:gd name="connsiteX13" fmla="*/ 1002348 w 3830407"/>
              <a:gd name="connsiteY13" fmla="*/ 0 h 2443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3830407" h="2443340">
                <a:moveTo>
                  <a:pt x="1002348" y="0"/>
                </a:moveTo>
                <a:lnTo>
                  <a:pt x="3725495" y="0"/>
                </a:lnTo>
                <a:cubicBezTo>
                  <a:pt x="3783429" y="0"/>
                  <a:pt x="3830407" y="46963"/>
                  <a:pt x="3830407" y="104877"/>
                </a:cubicBezTo>
                <a:lnTo>
                  <a:pt x="3830407" y="1599838"/>
                </a:lnTo>
                <a:cubicBezTo>
                  <a:pt x="3830407" y="1618855"/>
                  <a:pt x="3825226" y="1637502"/>
                  <a:pt x="3815455" y="1653806"/>
                </a:cubicBezTo>
                <a:lnTo>
                  <a:pt x="3372145" y="2392431"/>
                </a:lnTo>
                <a:lnTo>
                  <a:pt x="3372170" y="2392431"/>
                </a:lnTo>
                <a:cubicBezTo>
                  <a:pt x="3353220" y="2424003"/>
                  <a:pt x="3319072" y="2443340"/>
                  <a:pt x="3282210" y="2443340"/>
                </a:cubicBezTo>
                <a:lnTo>
                  <a:pt x="105069" y="2443340"/>
                </a:lnTo>
                <a:cubicBezTo>
                  <a:pt x="23523" y="2443340"/>
                  <a:pt x="-26836" y="2354398"/>
                  <a:pt x="15109" y="2284496"/>
                </a:cubicBezTo>
                <a:lnTo>
                  <a:pt x="882484" y="839359"/>
                </a:lnTo>
                <a:cubicBezTo>
                  <a:pt x="892279" y="823055"/>
                  <a:pt x="897436" y="804408"/>
                  <a:pt x="897436" y="785391"/>
                </a:cubicBezTo>
                <a:lnTo>
                  <a:pt x="897436" y="104877"/>
                </a:lnTo>
                <a:cubicBezTo>
                  <a:pt x="897436" y="46963"/>
                  <a:pt x="944414" y="0"/>
                  <a:pt x="1002348" y="0"/>
                </a:cubicBezTo>
                <a:close/>
              </a:path>
            </a:pathLst>
          </a:custGeom>
        </p:spPr>
        <p:txBody>
          <a:bodyPr wrap="square" anchor="ctr">
            <a:noAutofit/>
          </a:bodyPr>
          <a:lstStyle>
            <a:lvl1pPr marL="0" indent="0" algn="ctr">
              <a:buNone/>
              <a:defRPr sz="1600"/>
            </a:lvl1pPr>
          </a:lstStyle>
          <a:p>
            <a:r>
              <a:rPr lang="nb-NO" dirty="0"/>
              <a:t>Klikk på ikonet </a:t>
            </a:r>
            <a:br>
              <a:rPr lang="nb-NO" dirty="0"/>
            </a:br>
            <a:r>
              <a:rPr lang="nb-NO" dirty="0"/>
              <a:t>for å legge til et bilde</a:t>
            </a:r>
          </a:p>
          <a:p>
            <a:endParaRPr lang="nb-NO" dirty="0"/>
          </a:p>
          <a:p>
            <a:endParaRPr lang="nb-NO" dirty="0"/>
          </a:p>
        </p:txBody>
      </p:sp>
      <p:sp>
        <p:nvSpPr>
          <p:cNvPr id="3" name="Tittel 1">
            <a:extLst>
              <a:ext uri="{FF2B5EF4-FFF2-40B4-BE49-F238E27FC236}">
                <a16:creationId xmlns:a16="http://schemas.microsoft.com/office/drawing/2014/main" id="{12A3365F-497D-A274-20B3-AFC779FE22FB}"/>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391927352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3 Tekster og bilder (v3)">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CB5DEFFC-D7C4-6B35-6CEB-9E471EACDB7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45" name="Plassholder for innhold 3">
            <a:extLst>
              <a:ext uri="{FF2B5EF4-FFF2-40B4-BE49-F238E27FC236}">
                <a16:creationId xmlns:a16="http://schemas.microsoft.com/office/drawing/2014/main" id="{D803BA19-787A-BF2B-4B32-3940DD68E852}"/>
              </a:ext>
            </a:extLst>
          </p:cNvPr>
          <p:cNvSpPr>
            <a:spLocks noGrp="1"/>
          </p:cNvSpPr>
          <p:nvPr>
            <p:ph sz="half" idx="2" hasCustomPrompt="1"/>
          </p:nvPr>
        </p:nvSpPr>
        <p:spPr>
          <a:xfrm>
            <a:off x="839789" y="4716000"/>
            <a:ext cx="3431924" cy="151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6" name="Plassholder for innhold 3">
            <a:extLst>
              <a:ext uri="{FF2B5EF4-FFF2-40B4-BE49-F238E27FC236}">
                <a16:creationId xmlns:a16="http://schemas.microsoft.com/office/drawing/2014/main" id="{2184F4D8-439E-8411-8CAC-50791DB90DBB}"/>
              </a:ext>
            </a:extLst>
          </p:cNvPr>
          <p:cNvSpPr>
            <a:spLocks noGrp="1"/>
          </p:cNvSpPr>
          <p:nvPr>
            <p:ph sz="half" idx="14" hasCustomPrompt="1"/>
          </p:nvPr>
        </p:nvSpPr>
        <p:spPr>
          <a:xfrm>
            <a:off x="4421750" y="4716000"/>
            <a:ext cx="3431924" cy="151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7" name="Plassholder for innhold 3">
            <a:extLst>
              <a:ext uri="{FF2B5EF4-FFF2-40B4-BE49-F238E27FC236}">
                <a16:creationId xmlns:a16="http://schemas.microsoft.com/office/drawing/2014/main" id="{716427F7-B558-E305-F237-770008E04BF9}"/>
              </a:ext>
            </a:extLst>
          </p:cNvPr>
          <p:cNvSpPr>
            <a:spLocks noGrp="1"/>
          </p:cNvSpPr>
          <p:nvPr>
            <p:ph sz="half" idx="16" hasCustomPrompt="1"/>
          </p:nvPr>
        </p:nvSpPr>
        <p:spPr>
          <a:xfrm>
            <a:off x="7997827" y="4716000"/>
            <a:ext cx="3354386" cy="151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8" name="Plassholder for tekst 2">
            <a:extLst>
              <a:ext uri="{FF2B5EF4-FFF2-40B4-BE49-F238E27FC236}">
                <a16:creationId xmlns:a16="http://schemas.microsoft.com/office/drawing/2014/main" id="{4C7E3C2E-8599-08BA-7124-C35BFD36608B}"/>
              </a:ext>
            </a:extLst>
          </p:cNvPr>
          <p:cNvSpPr>
            <a:spLocks noGrp="1"/>
          </p:cNvSpPr>
          <p:nvPr>
            <p:ph type="body" idx="1" hasCustomPrompt="1"/>
          </p:nvPr>
        </p:nvSpPr>
        <p:spPr>
          <a:xfrm>
            <a:off x="7997827" y="3996000"/>
            <a:ext cx="3354386" cy="601370"/>
          </a:xfrm>
        </p:spPr>
        <p:txBody>
          <a:bodyPr tIns="0" bIns="0" anchor="b">
            <a:noAutofit/>
          </a:bodyPr>
          <a:lstStyle>
            <a:lvl1pPr marL="0" indent="0" algn="l">
              <a:buNone/>
              <a:defRPr sz="20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49" name="Plassholder for tekst 2">
            <a:extLst>
              <a:ext uri="{FF2B5EF4-FFF2-40B4-BE49-F238E27FC236}">
                <a16:creationId xmlns:a16="http://schemas.microsoft.com/office/drawing/2014/main" id="{D9D54EDD-FD96-438A-C2B8-5E625E1C779A}"/>
              </a:ext>
            </a:extLst>
          </p:cNvPr>
          <p:cNvSpPr>
            <a:spLocks noGrp="1"/>
          </p:cNvSpPr>
          <p:nvPr>
            <p:ph type="body" idx="17" hasCustomPrompt="1"/>
          </p:nvPr>
        </p:nvSpPr>
        <p:spPr>
          <a:xfrm>
            <a:off x="4416551" y="3996000"/>
            <a:ext cx="3431924" cy="601370"/>
          </a:xfrm>
        </p:spPr>
        <p:txBody>
          <a:bodyPr tIns="0" bIns="0" anchor="b">
            <a:noAutofit/>
          </a:bodyPr>
          <a:lstStyle>
            <a:lvl1pPr marL="0" indent="0" algn="l">
              <a:buNone/>
              <a:defRPr sz="20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50" name="Plassholder for tekst 2">
            <a:extLst>
              <a:ext uri="{FF2B5EF4-FFF2-40B4-BE49-F238E27FC236}">
                <a16:creationId xmlns:a16="http://schemas.microsoft.com/office/drawing/2014/main" id="{321B0A13-19E8-6EAF-D8A6-C099FA37D055}"/>
              </a:ext>
            </a:extLst>
          </p:cNvPr>
          <p:cNvSpPr>
            <a:spLocks noGrp="1"/>
          </p:cNvSpPr>
          <p:nvPr>
            <p:ph type="body" idx="18" hasCustomPrompt="1"/>
          </p:nvPr>
        </p:nvSpPr>
        <p:spPr>
          <a:xfrm>
            <a:off x="834471" y="3996000"/>
            <a:ext cx="3431924" cy="601370"/>
          </a:xfrm>
        </p:spPr>
        <p:txBody>
          <a:bodyPr tIns="0" bIns="0" anchor="b">
            <a:noAutofit/>
          </a:bodyPr>
          <a:lstStyle>
            <a:lvl1pPr marL="0" indent="0" algn="l">
              <a:buNone/>
              <a:defRPr sz="20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57" name="Plassholder for bilde 56">
            <a:extLst>
              <a:ext uri="{FF2B5EF4-FFF2-40B4-BE49-F238E27FC236}">
                <a16:creationId xmlns:a16="http://schemas.microsoft.com/office/drawing/2014/main" id="{35E2E2E9-C287-ADEC-0E99-EC0A6AAD127F}"/>
              </a:ext>
            </a:extLst>
          </p:cNvPr>
          <p:cNvSpPr>
            <a:spLocks noGrp="1"/>
          </p:cNvSpPr>
          <p:nvPr>
            <p:ph type="pic" sz="quarter" idx="20" hasCustomPrompt="1"/>
          </p:nvPr>
        </p:nvSpPr>
        <p:spPr>
          <a:xfrm>
            <a:off x="835276" y="1440000"/>
            <a:ext cx="3431925" cy="2451127"/>
          </a:xfrm>
          <a:custGeom>
            <a:avLst/>
            <a:gdLst>
              <a:gd name="connsiteX0" fmla="*/ 549879 w 3431925"/>
              <a:gd name="connsiteY0" fmla="*/ 0 h 2451127"/>
              <a:gd name="connsiteX1" fmla="*/ 3326944 w 3431925"/>
              <a:gd name="connsiteY1" fmla="*/ 0 h 2451127"/>
              <a:gd name="connsiteX2" fmla="*/ 3423904 w 3431925"/>
              <a:gd name="connsiteY2" fmla="*/ 64267 h 2451127"/>
              <a:gd name="connsiteX3" fmla="*/ 3431925 w 3431925"/>
              <a:gd name="connsiteY3" fmla="*/ 103986 h 2451127"/>
              <a:gd name="connsiteX4" fmla="*/ 3431925 w 3431925"/>
              <a:gd name="connsiteY4" fmla="*/ 2347355 h 2451127"/>
              <a:gd name="connsiteX5" fmla="*/ 3423904 w 3431925"/>
              <a:gd name="connsiteY5" fmla="*/ 2387075 h 2451127"/>
              <a:gd name="connsiteX6" fmla="*/ 3367901 w 3431925"/>
              <a:gd name="connsiteY6" fmla="*/ 2443071 h 2451127"/>
              <a:gd name="connsiteX7" fmla="*/ 3328004 w 3431925"/>
              <a:gd name="connsiteY7" fmla="*/ 2451127 h 2451127"/>
              <a:gd name="connsiteX8" fmla="*/ 2555722 w 3431925"/>
              <a:gd name="connsiteY8" fmla="*/ 2451127 h 2451127"/>
              <a:gd name="connsiteX9" fmla="*/ 2515825 w 3431925"/>
              <a:gd name="connsiteY9" fmla="*/ 2443071 h 2451127"/>
              <a:gd name="connsiteX10" fmla="*/ 2451552 w 3431925"/>
              <a:gd name="connsiteY10" fmla="*/ 2346122 h 2451127"/>
              <a:gd name="connsiteX11" fmla="*/ 2451552 w 3431925"/>
              <a:gd name="connsiteY11" fmla="*/ 2014108 h 2451127"/>
              <a:gd name="connsiteX12" fmla="*/ 2256092 w 3431925"/>
              <a:gd name="connsiteY12" fmla="*/ 1959964 h 2451127"/>
              <a:gd name="connsiteX13" fmla="*/ 1991905 w 3431925"/>
              <a:gd name="connsiteY13" fmla="*/ 2400241 h 2451127"/>
              <a:gd name="connsiteX14" fmla="*/ 1953527 w 3431925"/>
              <a:gd name="connsiteY14" fmla="*/ 2437657 h 2451127"/>
              <a:gd name="connsiteX15" fmla="*/ 1902391 w 3431925"/>
              <a:gd name="connsiteY15" fmla="*/ 2451127 h 2451127"/>
              <a:gd name="connsiteX16" fmla="*/ 104293 w 3431925"/>
              <a:gd name="connsiteY16" fmla="*/ 2451127 h 2451127"/>
              <a:gd name="connsiteX17" fmla="*/ 64273 w 3431925"/>
              <a:gd name="connsiteY17" fmla="*/ 2443047 h 2451127"/>
              <a:gd name="connsiteX18" fmla="*/ 0 w 3431925"/>
              <a:gd name="connsiteY18" fmla="*/ 2346097 h 2451127"/>
              <a:gd name="connsiteX19" fmla="*/ 0 w 3431925"/>
              <a:gd name="connsiteY19" fmla="*/ 846256 h 2451127"/>
              <a:gd name="connsiteX20" fmla="*/ 14997 w 3431925"/>
              <a:gd name="connsiteY20" fmla="*/ 792112 h 2451127"/>
              <a:gd name="connsiteX21" fmla="*/ 459647 w 3431925"/>
              <a:gd name="connsiteY21" fmla="*/ 51075 h 2451127"/>
              <a:gd name="connsiteX22" fmla="*/ 549879 w 3431925"/>
              <a:gd name="connsiteY22" fmla="*/ 0 h 24511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3431925" h="2451127">
                <a:moveTo>
                  <a:pt x="549879" y="0"/>
                </a:moveTo>
                <a:lnTo>
                  <a:pt x="3326944" y="0"/>
                </a:lnTo>
                <a:cubicBezTo>
                  <a:pt x="3370526" y="0"/>
                  <a:pt x="3407927" y="26503"/>
                  <a:pt x="3423904" y="64267"/>
                </a:cubicBezTo>
                <a:lnTo>
                  <a:pt x="3431925" y="103986"/>
                </a:lnTo>
                <a:lnTo>
                  <a:pt x="3431925" y="2347355"/>
                </a:lnTo>
                <a:lnTo>
                  <a:pt x="3423904" y="2387075"/>
                </a:lnTo>
                <a:cubicBezTo>
                  <a:pt x="3413253" y="2412250"/>
                  <a:pt x="3393080" y="2432421"/>
                  <a:pt x="3367901" y="2443071"/>
                </a:cubicBezTo>
                <a:lnTo>
                  <a:pt x="3328004" y="2451127"/>
                </a:lnTo>
                <a:lnTo>
                  <a:pt x="2555722" y="2451127"/>
                </a:lnTo>
                <a:lnTo>
                  <a:pt x="2515825" y="2443071"/>
                </a:lnTo>
                <a:cubicBezTo>
                  <a:pt x="2478058" y="2427096"/>
                  <a:pt x="2451552" y="2389699"/>
                  <a:pt x="2451552" y="2346122"/>
                </a:cubicBezTo>
                <a:lnTo>
                  <a:pt x="2451552" y="2014108"/>
                </a:lnTo>
                <a:cubicBezTo>
                  <a:pt x="2451552" y="1907379"/>
                  <a:pt x="2311008" y="1868454"/>
                  <a:pt x="2256092" y="1959964"/>
                </a:cubicBezTo>
                <a:lnTo>
                  <a:pt x="1991905" y="2400241"/>
                </a:lnTo>
                <a:cubicBezTo>
                  <a:pt x="1982402" y="2416079"/>
                  <a:pt x="1969087" y="2428847"/>
                  <a:pt x="1953527" y="2437657"/>
                </a:cubicBezTo>
                <a:lnTo>
                  <a:pt x="1902391" y="2451127"/>
                </a:lnTo>
                <a:lnTo>
                  <a:pt x="104293" y="2451127"/>
                </a:lnTo>
                <a:lnTo>
                  <a:pt x="64273" y="2443047"/>
                </a:lnTo>
                <a:cubicBezTo>
                  <a:pt x="26505" y="2427072"/>
                  <a:pt x="0" y="2389674"/>
                  <a:pt x="0" y="2346097"/>
                </a:cubicBezTo>
                <a:lnTo>
                  <a:pt x="0" y="846256"/>
                </a:lnTo>
                <a:cubicBezTo>
                  <a:pt x="0" y="827177"/>
                  <a:pt x="5197" y="808470"/>
                  <a:pt x="14997" y="792112"/>
                </a:cubicBezTo>
                <a:lnTo>
                  <a:pt x="459647" y="51075"/>
                </a:lnTo>
                <a:cubicBezTo>
                  <a:pt x="478654" y="19400"/>
                  <a:pt x="512905" y="0"/>
                  <a:pt x="549879" y="0"/>
                </a:cubicBezTo>
                <a:close/>
              </a:path>
            </a:pathLst>
          </a:custGeom>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59" name="Plassholder for bilde 58">
            <a:extLst>
              <a:ext uri="{FF2B5EF4-FFF2-40B4-BE49-F238E27FC236}">
                <a16:creationId xmlns:a16="http://schemas.microsoft.com/office/drawing/2014/main" id="{82CB5698-CB5D-5487-1D34-525BE806C3A2}"/>
              </a:ext>
            </a:extLst>
          </p:cNvPr>
          <p:cNvSpPr>
            <a:spLocks noGrp="1"/>
          </p:cNvSpPr>
          <p:nvPr>
            <p:ph type="pic" sz="quarter" idx="21" hasCustomPrompt="1"/>
          </p:nvPr>
        </p:nvSpPr>
        <p:spPr>
          <a:xfrm>
            <a:off x="4416551" y="1440000"/>
            <a:ext cx="3432174" cy="2451127"/>
          </a:xfrm>
          <a:custGeom>
            <a:avLst/>
            <a:gdLst>
              <a:gd name="connsiteX0" fmla="*/ 105229 w 3432174"/>
              <a:gd name="connsiteY0" fmla="*/ 0 h 2451127"/>
              <a:gd name="connsiteX1" fmla="*/ 3326944 w 3432174"/>
              <a:gd name="connsiteY1" fmla="*/ 0 h 2451127"/>
              <a:gd name="connsiteX2" fmla="*/ 3432174 w 3432174"/>
              <a:gd name="connsiteY2" fmla="*/ 105219 h 2451127"/>
              <a:gd name="connsiteX3" fmla="*/ 3432174 w 3432174"/>
              <a:gd name="connsiteY3" fmla="*/ 2346097 h 2451127"/>
              <a:gd name="connsiteX4" fmla="*/ 3367904 w 3432174"/>
              <a:gd name="connsiteY4" fmla="*/ 2443048 h 2451127"/>
              <a:gd name="connsiteX5" fmla="*/ 3327880 w 3432174"/>
              <a:gd name="connsiteY5" fmla="*/ 2451127 h 2451127"/>
              <a:gd name="connsiteX6" fmla="*/ 104293 w 3432174"/>
              <a:gd name="connsiteY6" fmla="*/ 2451127 h 2451127"/>
              <a:gd name="connsiteX7" fmla="*/ 64269 w 3432174"/>
              <a:gd name="connsiteY7" fmla="*/ 2443048 h 2451127"/>
              <a:gd name="connsiteX8" fmla="*/ 0 w 3432174"/>
              <a:gd name="connsiteY8" fmla="*/ 2346097 h 2451127"/>
              <a:gd name="connsiteX9" fmla="*/ 0 w 3432174"/>
              <a:gd name="connsiteY9" fmla="*/ 105219 h 2451127"/>
              <a:gd name="connsiteX10" fmla="*/ 105229 w 3432174"/>
              <a:gd name="connsiteY10" fmla="*/ 0 h 24511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432174" h="2451127">
                <a:moveTo>
                  <a:pt x="105229" y="0"/>
                </a:moveTo>
                <a:lnTo>
                  <a:pt x="3326944" y="0"/>
                </a:lnTo>
                <a:cubicBezTo>
                  <a:pt x="3385061" y="0"/>
                  <a:pt x="3432174" y="47108"/>
                  <a:pt x="3432174" y="105219"/>
                </a:cubicBezTo>
                <a:lnTo>
                  <a:pt x="3432174" y="2346097"/>
                </a:lnTo>
                <a:cubicBezTo>
                  <a:pt x="3432174" y="2389680"/>
                  <a:pt x="3405673" y="2427074"/>
                  <a:pt x="3367904" y="2443048"/>
                </a:cubicBezTo>
                <a:lnTo>
                  <a:pt x="3327880" y="2451127"/>
                </a:lnTo>
                <a:lnTo>
                  <a:pt x="104293" y="2451127"/>
                </a:lnTo>
                <a:lnTo>
                  <a:pt x="64269" y="2443048"/>
                </a:lnTo>
                <a:cubicBezTo>
                  <a:pt x="26501" y="2427074"/>
                  <a:pt x="0" y="2389680"/>
                  <a:pt x="0" y="2346097"/>
                </a:cubicBezTo>
                <a:lnTo>
                  <a:pt x="0" y="105219"/>
                </a:lnTo>
                <a:cubicBezTo>
                  <a:pt x="0" y="47108"/>
                  <a:pt x="47113" y="0"/>
                  <a:pt x="105229" y="0"/>
                </a:cubicBezTo>
                <a:close/>
              </a:path>
            </a:pathLst>
          </a:custGeom>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60" name="Plassholder for bilde 59">
            <a:extLst>
              <a:ext uri="{FF2B5EF4-FFF2-40B4-BE49-F238E27FC236}">
                <a16:creationId xmlns:a16="http://schemas.microsoft.com/office/drawing/2014/main" id="{5DA9F940-49AE-8A0B-CEFD-A40491F4C0B2}"/>
              </a:ext>
            </a:extLst>
          </p:cNvPr>
          <p:cNvSpPr>
            <a:spLocks noGrp="1"/>
          </p:cNvSpPr>
          <p:nvPr>
            <p:ph type="pic" sz="quarter" idx="22" hasCustomPrompt="1"/>
          </p:nvPr>
        </p:nvSpPr>
        <p:spPr>
          <a:xfrm>
            <a:off x="7997827" y="1440000"/>
            <a:ext cx="3432174" cy="2451127"/>
          </a:xfrm>
          <a:custGeom>
            <a:avLst/>
            <a:gdLst>
              <a:gd name="connsiteX0" fmla="*/ 105229 w 3432174"/>
              <a:gd name="connsiteY0" fmla="*/ 0 h 2451127"/>
              <a:gd name="connsiteX1" fmla="*/ 875392 w 3432174"/>
              <a:gd name="connsiteY1" fmla="*/ 0 h 2451127"/>
              <a:gd name="connsiteX2" fmla="*/ 980621 w 3432174"/>
              <a:gd name="connsiteY2" fmla="*/ 105219 h 2451127"/>
              <a:gd name="connsiteX3" fmla="*/ 980621 w 3432174"/>
              <a:gd name="connsiteY3" fmla="*/ 437208 h 2451127"/>
              <a:gd name="connsiteX4" fmla="*/ 1176082 w 3432174"/>
              <a:gd name="connsiteY4" fmla="*/ 491352 h 2451127"/>
              <a:gd name="connsiteX5" fmla="*/ 1440268 w 3432174"/>
              <a:gd name="connsiteY5" fmla="*/ 51075 h 2451127"/>
              <a:gd name="connsiteX6" fmla="*/ 1530500 w 3432174"/>
              <a:gd name="connsiteY6" fmla="*/ 0 h 2451127"/>
              <a:gd name="connsiteX7" fmla="*/ 3326944 w 3432174"/>
              <a:gd name="connsiteY7" fmla="*/ 0 h 2451127"/>
              <a:gd name="connsiteX8" fmla="*/ 3432174 w 3432174"/>
              <a:gd name="connsiteY8" fmla="*/ 105219 h 2451127"/>
              <a:gd name="connsiteX9" fmla="*/ 3432174 w 3432174"/>
              <a:gd name="connsiteY9" fmla="*/ 1605060 h 2451127"/>
              <a:gd name="connsiteX10" fmla="*/ 3417176 w 3432174"/>
              <a:gd name="connsiteY10" fmla="*/ 1659204 h 2451127"/>
              <a:gd name="connsiteX11" fmla="*/ 2972526 w 3432174"/>
              <a:gd name="connsiteY11" fmla="*/ 2400241 h 2451127"/>
              <a:gd name="connsiteX12" fmla="*/ 2934148 w 3432174"/>
              <a:gd name="connsiteY12" fmla="*/ 2437657 h 2451127"/>
              <a:gd name="connsiteX13" fmla="*/ 2883012 w 3432174"/>
              <a:gd name="connsiteY13" fmla="*/ 2451127 h 2451127"/>
              <a:gd name="connsiteX14" fmla="*/ 104293 w 3432174"/>
              <a:gd name="connsiteY14" fmla="*/ 2451127 h 2451127"/>
              <a:gd name="connsiteX15" fmla="*/ 64273 w 3432174"/>
              <a:gd name="connsiteY15" fmla="*/ 2443046 h 2451127"/>
              <a:gd name="connsiteX16" fmla="*/ 0 w 3432174"/>
              <a:gd name="connsiteY16" fmla="*/ 2346097 h 2451127"/>
              <a:gd name="connsiteX17" fmla="*/ 0 w 3432174"/>
              <a:gd name="connsiteY17" fmla="*/ 105219 h 2451127"/>
              <a:gd name="connsiteX18" fmla="*/ 105229 w 3432174"/>
              <a:gd name="connsiteY18" fmla="*/ 0 h 24511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432174" h="2451127">
                <a:moveTo>
                  <a:pt x="105229" y="0"/>
                </a:moveTo>
                <a:lnTo>
                  <a:pt x="875392" y="0"/>
                </a:lnTo>
                <a:cubicBezTo>
                  <a:pt x="933501" y="0"/>
                  <a:pt x="980621" y="47116"/>
                  <a:pt x="980621" y="105219"/>
                </a:cubicBezTo>
                <a:lnTo>
                  <a:pt x="980621" y="437208"/>
                </a:lnTo>
                <a:cubicBezTo>
                  <a:pt x="980621" y="543937"/>
                  <a:pt x="1121166" y="582862"/>
                  <a:pt x="1176082" y="491352"/>
                </a:cubicBezTo>
                <a:lnTo>
                  <a:pt x="1440268" y="51075"/>
                </a:lnTo>
                <a:cubicBezTo>
                  <a:pt x="1459275" y="19400"/>
                  <a:pt x="1493526" y="0"/>
                  <a:pt x="1530500" y="0"/>
                </a:cubicBezTo>
                <a:lnTo>
                  <a:pt x="3326944" y="0"/>
                </a:lnTo>
                <a:cubicBezTo>
                  <a:pt x="3385053" y="0"/>
                  <a:pt x="3432174" y="47116"/>
                  <a:pt x="3432174" y="105219"/>
                </a:cubicBezTo>
                <a:lnTo>
                  <a:pt x="3432174" y="1605060"/>
                </a:lnTo>
                <a:cubicBezTo>
                  <a:pt x="3432174" y="1624140"/>
                  <a:pt x="3426977" y="1642847"/>
                  <a:pt x="3417176" y="1659204"/>
                </a:cubicBezTo>
                <a:lnTo>
                  <a:pt x="2972526" y="2400241"/>
                </a:lnTo>
                <a:cubicBezTo>
                  <a:pt x="2963023" y="2416079"/>
                  <a:pt x="2949708" y="2428847"/>
                  <a:pt x="2934148" y="2437657"/>
                </a:cubicBezTo>
                <a:lnTo>
                  <a:pt x="2883012" y="2451127"/>
                </a:lnTo>
                <a:lnTo>
                  <a:pt x="104293" y="2451127"/>
                </a:lnTo>
                <a:lnTo>
                  <a:pt x="64273" y="2443046"/>
                </a:lnTo>
                <a:cubicBezTo>
                  <a:pt x="26506" y="2427071"/>
                  <a:pt x="0" y="2389674"/>
                  <a:pt x="0" y="2346097"/>
                </a:cubicBezTo>
                <a:lnTo>
                  <a:pt x="0" y="105219"/>
                </a:lnTo>
                <a:cubicBezTo>
                  <a:pt x="0" y="47116"/>
                  <a:pt x="47121" y="0"/>
                  <a:pt x="105229" y="0"/>
                </a:cubicBezTo>
                <a:close/>
              </a:path>
            </a:pathLst>
          </a:custGeom>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3" name="Tittel 1">
            <a:extLst>
              <a:ext uri="{FF2B5EF4-FFF2-40B4-BE49-F238E27FC236}">
                <a16:creationId xmlns:a16="http://schemas.microsoft.com/office/drawing/2014/main" id="{B3A0DF41-453F-C4CC-F064-5F0B4797019B}"/>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3474729039"/>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3 Tekster og bilder (v4)">
    <p:spTree>
      <p:nvGrpSpPr>
        <p:cNvPr id="1" name=""/>
        <p:cNvGrpSpPr/>
        <p:nvPr/>
      </p:nvGrpSpPr>
      <p:grpSpPr>
        <a:xfrm>
          <a:off x="0" y="0"/>
          <a:ext cx="0" cy="0"/>
          <a:chOff x="0" y="0"/>
          <a:chExt cx="0" cy="0"/>
        </a:xfrm>
      </p:grpSpPr>
      <p:sp>
        <p:nvSpPr>
          <p:cNvPr id="3" name="Plassholder for tekst 2">
            <a:extLst>
              <a:ext uri="{FF2B5EF4-FFF2-40B4-BE49-F238E27FC236}">
                <a16:creationId xmlns:a16="http://schemas.microsoft.com/office/drawing/2014/main" id="{86E2B3C6-9D86-9A92-BE07-9365AEC0262F}"/>
              </a:ext>
            </a:extLst>
          </p:cNvPr>
          <p:cNvSpPr>
            <a:spLocks noGrp="1"/>
          </p:cNvSpPr>
          <p:nvPr>
            <p:ph type="body" idx="1" hasCustomPrompt="1"/>
          </p:nvPr>
        </p:nvSpPr>
        <p:spPr>
          <a:xfrm>
            <a:off x="839789" y="1439999"/>
            <a:ext cx="3014582" cy="720000"/>
          </a:xfrm>
        </p:spPr>
        <p:txBody>
          <a:bodyPr tIns="0" bIns="0" anchor="b">
            <a:noAutofit/>
          </a:bodyPr>
          <a:lstStyle>
            <a:lvl1pPr marL="0" indent="0" algn="l">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4" name="Plassholder for innhold 3">
            <a:extLst>
              <a:ext uri="{FF2B5EF4-FFF2-40B4-BE49-F238E27FC236}">
                <a16:creationId xmlns:a16="http://schemas.microsoft.com/office/drawing/2014/main" id="{4584D2C2-3047-F5B1-9469-B34CB1CAA8DF}"/>
              </a:ext>
            </a:extLst>
          </p:cNvPr>
          <p:cNvSpPr>
            <a:spLocks noGrp="1"/>
          </p:cNvSpPr>
          <p:nvPr>
            <p:ph sz="half" idx="2" hasCustomPrompt="1"/>
          </p:nvPr>
        </p:nvSpPr>
        <p:spPr>
          <a:xfrm>
            <a:off x="839789" y="4175999"/>
            <a:ext cx="3014582" cy="187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2" name="Plassholder for innhold 3">
            <a:extLst>
              <a:ext uri="{FF2B5EF4-FFF2-40B4-BE49-F238E27FC236}">
                <a16:creationId xmlns:a16="http://schemas.microsoft.com/office/drawing/2014/main" id="{03BCF634-F098-4E9B-362B-BEC149EF681E}"/>
              </a:ext>
            </a:extLst>
          </p:cNvPr>
          <p:cNvSpPr>
            <a:spLocks noGrp="1"/>
          </p:cNvSpPr>
          <p:nvPr>
            <p:ph sz="half" idx="14" hasCustomPrompt="1"/>
          </p:nvPr>
        </p:nvSpPr>
        <p:spPr>
          <a:xfrm>
            <a:off x="4588710" y="4175999"/>
            <a:ext cx="3014582" cy="187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4" name="Plassholder for innhold 3">
            <a:extLst>
              <a:ext uri="{FF2B5EF4-FFF2-40B4-BE49-F238E27FC236}">
                <a16:creationId xmlns:a16="http://schemas.microsoft.com/office/drawing/2014/main" id="{ACFE2AC3-F6C8-83B5-11BA-7BC0E59E0F94}"/>
              </a:ext>
            </a:extLst>
          </p:cNvPr>
          <p:cNvSpPr>
            <a:spLocks noGrp="1"/>
          </p:cNvSpPr>
          <p:nvPr>
            <p:ph sz="half" idx="16" hasCustomPrompt="1"/>
          </p:nvPr>
        </p:nvSpPr>
        <p:spPr>
          <a:xfrm>
            <a:off x="8337631" y="4175999"/>
            <a:ext cx="3014582" cy="1872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CB5DEFFC-D7C4-6B35-6CEB-9E471EACDB7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5" name="Plassholder for bilde 7">
            <a:extLst>
              <a:ext uri="{FF2B5EF4-FFF2-40B4-BE49-F238E27FC236}">
                <a16:creationId xmlns:a16="http://schemas.microsoft.com/office/drawing/2014/main" id="{F9D0DD48-D3B5-E6B7-A0AD-3711AFFC6E20}"/>
              </a:ext>
            </a:extLst>
          </p:cNvPr>
          <p:cNvSpPr>
            <a:spLocks noGrp="1"/>
          </p:cNvSpPr>
          <p:nvPr>
            <p:ph type="pic" sz="quarter" idx="18" hasCustomPrompt="1"/>
          </p:nvPr>
        </p:nvSpPr>
        <p:spPr>
          <a:xfrm>
            <a:off x="838800" y="2268000"/>
            <a:ext cx="3023765" cy="180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7" name="Plassholder for tekst 2">
            <a:extLst>
              <a:ext uri="{FF2B5EF4-FFF2-40B4-BE49-F238E27FC236}">
                <a16:creationId xmlns:a16="http://schemas.microsoft.com/office/drawing/2014/main" id="{579B4212-6066-1936-99A9-F11830993D55}"/>
              </a:ext>
            </a:extLst>
          </p:cNvPr>
          <p:cNvSpPr>
            <a:spLocks noGrp="1"/>
          </p:cNvSpPr>
          <p:nvPr>
            <p:ph type="body" idx="19" hasCustomPrompt="1"/>
          </p:nvPr>
        </p:nvSpPr>
        <p:spPr>
          <a:xfrm>
            <a:off x="4584795" y="1439999"/>
            <a:ext cx="3014582" cy="720000"/>
          </a:xfrm>
        </p:spPr>
        <p:txBody>
          <a:bodyPr tIns="0" bIns="0" anchor="b">
            <a:noAutofit/>
          </a:bodyPr>
          <a:lstStyle>
            <a:lvl1pPr marL="0" indent="0" algn="l">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9" name="Plassholder for bilde 7">
            <a:extLst>
              <a:ext uri="{FF2B5EF4-FFF2-40B4-BE49-F238E27FC236}">
                <a16:creationId xmlns:a16="http://schemas.microsoft.com/office/drawing/2014/main" id="{9FF8982C-B885-8393-46D0-D8BEC14E2DEF}"/>
              </a:ext>
            </a:extLst>
          </p:cNvPr>
          <p:cNvSpPr>
            <a:spLocks noGrp="1"/>
          </p:cNvSpPr>
          <p:nvPr>
            <p:ph type="pic" sz="quarter" idx="20" hasCustomPrompt="1"/>
          </p:nvPr>
        </p:nvSpPr>
        <p:spPr>
          <a:xfrm>
            <a:off x="4583806" y="2268000"/>
            <a:ext cx="3023765" cy="180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15" name="Plassholder for tekst 2">
            <a:extLst>
              <a:ext uri="{FF2B5EF4-FFF2-40B4-BE49-F238E27FC236}">
                <a16:creationId xmlns:a16="http://schemas.microsoft.com/office/drawing/2014/main" id="{3DAF464D-5150-2CD2-B287-E5DE65E0CEB1}"/>
              </a:ext>
            </a:extLst>
          </p:cNvPr>
          <p:cNvSpPr>
            <a:spLocks noGrp="1"/>
          </p:cNvSpPr>
          <p:nvPr>
            <p:ph type="body" idx="21" hasCustomPrompt="1"/>
          </p:nvPr>
        </p:nvSpPr>
        <p:spPr>
          <a:xfrm>
            <a:off x="8336524" y="1439999"/>
            <a:ext cx="3014582" cy="720000"/>
          </a:xfrm>
        </p:spPr>
        <p:txBody>
          <a:bodyPr tIns="0" bIns="0" anchor="b">
            <a:noAutofit/>
          </a:bodyPr>
          <a:lstStyle>
            <a:lvl1pPr marL="0" indent="0" algn="l">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6" name="Plassholder for bilde 7">
            <a:extLst>
              <a:ext uri="{FF2B5EF4-FFF2-40B4-BE49-F238E27FC236}">
                <a16:creationId xmlns:a16="http://schemas.microsoft.com/office/drawing/2014/main" id="{C4CB5FB2-868E-866B-B7FA-1A4A8EBBDBFC}"/>
              </a:ext>
            </a:extLst>
          </p:cNvPr>
          <p:cNvSpPr>
            <a:spLocks noGrp="1"/>
          </p:cNvSpPr>
          <p:nvPr>
            <p:ph type="pic" sz="quarter" idx="22" hasCustomPrompt="1"/>
          </p:nvPr>
        </p:nvSpPr>
        <p:spPr>
          <a:xfrm>
            <a:off x="8335535" y="2268000"/>
            <a:ext cx="3023765" cy="180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21" name="Tittel 1">
            <a:extLst>
              <a:ext uri="{FF2B5EF4-FFF2-40B4-BE49-F238E27FC236}">
                <a16:creationId xmlns:a16="http://schemas.microsoft.com/office/drawing/2014/main" id="{0321C738-ECD7-CCB3-D765-A186C5369493}"/>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3431842989"/>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3 Tekster og bilder (v5)">
    <p:spTree>
      <p:nvGrpSpPr>
        <p:cNvPr id="1" name=""/>
        <p:cNvGrpSpPr/>
        <p:nvPr/>
      </p:nvGrpSpPr>
      <p:grpSpPr>
        <a:xfrm>
          <a:off x="0" y="0"/>
          <a:ext cx="0" cy="0"/>
          <a:chOff x="0" y="0"/>
          <a:chExt cx="0" cy="0"/>
        </a:xfrm>
      </p:grpSpPr>
      <p:sp>
        <p:nvSpPr>
          <p:cNvPr id="3" name="Plassholder for tekst 2">
            <a:extLst>
              <a:ext uri="{FF2B5EF4-FFF2-40B4-BE49-F238E27FC236}">
                <a16:creationId xmlns:a16="http://schemas.microsoft.com/office/drawing/2014/main" id="{86E2B3C6-9D86-9A92-BE07-9365AEC0262F}"/>
              </a:ext>
            </a:extLst>
          </p:cNvPr>
          <p:cNvSpPr>
            <a:spLocks noGrp="1"/>
          </p:cNvSpPr>
          <p:nvPr>
            <p:ph type="body" idx="1" hasCustomPrompt="1"/>
          </p:nvPr>
        </p:nvSpPr>
        <p:spPr>
          <a:xfrm>
            <a:off x="839789" y="4482000"/>
            <a:ext cx="3014582" cy="601200"/>
          </a:xfrm>
        </p:spPr>
        <p:txBody>
          <a:bodyPr tIns="0" bIns="0" anchor="b">
            <a:noAutofit/>
          </a:bodyPr>
          <a:lstStyle>
            <a:lvl1pPr marL="0" indent="0" algn="l">
              <a:spcBef>
                <a:spcPts val="0"/>
              </a:spcBef>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4" name="Plassholder for innhold 3">
            <a:extLst>
              <a:ext uri="{FF2B5EF4-FFF2-40B4-BE49-F238E27FC236}">
                <a16:creationId xmlns:a16="http://schemas.microsoft.com/office/drawing/2014/main" id="{4584D2C2-3047-F5B1-9469-B34CB1CAA8DF}"/>
              </a:ext>
            </a:extLst>
          </p:cNvPr>
          <p:cNvSpPr>
            <a:spLocks noGrp="1"/>
          </p:cNvSpPr>
          <p:nvPr>
            <p:ph sz="half" idx="2" hasCustomPrompt="1"/>
          </p:nvPr>
        </p:nvSpPr>
        <p:spPr>
          <a:xfrm>
            <a:off x="839789" y="5183999"/>
            <a:ext cx="3014582" cy="846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2" name="Plassholder for innhold 3">
            <a:extLst>
              <a:ext uri="{FF2B5EF4-FFF2-40B4-BE49-F238E27FC236}">
                <a16:creationId xmlns:a16="http://schemas.microsoft.com/office/drawing/2014/main" id="{03BCF634-F098-4E9B-362B-BEC149EF681E}"/>
              </a:ext>
            </a:extLst>
          </p:cNvPr>
          <p:cNvSpPr>
            <a:spLocks noGrp="1"/>
          </p:cNvSpPr>
          <p:nvPr>
            <p:ph sz="half" idx="14" hasCustomPrompt="1"/>
          </p:nvPr>
        </p:nvSpPr>
        <p:spPr>
          <a:xfrm>
            <a:off x="4588710" y="5183999"/>
            <a:ext cx="3014582" cy="846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4" name="Plassholder for innhold 3">
            <a:extLst>
              <a:ext uri="{FF2B5EF4-FFF2-40B4-BE49-F238E27FC236}">
                <a16:creationId xmlns:a16="http://schemas.microsoft.com/office/drawing/2014/main" id="{ACFE2AC3-F6C8-83B5-11BA-7BC0E59E0F94}"/>
              </a:ext>
            </a:extLst>
          </p:cNvPr>
          <p:cNvSpPr>
            <a:spLocks noGrp="1"/>
          </p:cNvSpPr>
          <p:nvPr>
            <p:ph sz="half" idx="16" hasCustomPrompt="1"/>
          </p:nvPr>
        </p:nvSpPr>
        <p:spPr>
          <a:xfrm>
            <a:off x="8337631" y="5183999"/>
            <a:ext cx="3014582" cy="846000"/>
          </a:xfrm>
        </p:spPr>
        <p:txBody>
          <a:bodyPr>
            <a:noAutofit/>
          </a:bodyPr>
          <a:lstStyle>
            <a:lvl1pPr marL="0" indent="0" algn="l">
              <a:spcBef>
                <a:spcPts val="300"/>
              </a:spcBef>
              <a:buFont typeface="Arial" panose="020B0604020202020204" pitchFamily="34" charset="0"/>
              <a:buNone/>
              <a:defRPr sz="1500">
                <a:solidFill>
                  <a:schemeClr val="bg2"/>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CB5DEFFC-D7C4-6B35-6CEB-9E471EACDB7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Plassholder for tekst 2">
            <a:extLst>
              <a:ext uri="{FF2B5EF4-FFF2-40B4-BE49-F238E27FC236}">
                <a16:creationId xmlns:a16="http://schemas.microsoft.com/office/drawing/2014/main" id="{579B4212-6066-1936-99A9-F11830993D55}"/>
              </a:ext>
            </a:extLst>
          </p:cNvPr>
          <p:cNvSpPr>
            <a:spLocks noGrp="1"/>
          </p:cNvSpPr>
          <p:nvPr>
            <p:ph type="body" idx="19" hasCustomPrompt="1"/>
          </p:nvPr>
        </p:nvSpPr>
        <p:spPr>
          <a:xfrm>
            <a:off x="4584795" y="4482000"/>
            <a:ext cx="3014582" cy="601200"/>
          </a:xfrm>
        </p:spPr>
        <p:txBody>
          <a:bodyPr tIns="0" bIns="0" anchor="b">
            <a:noAutofit/>
          </a:bodyPr>
          <a:lstStyle>
            <a:lvl1pPr marL="0" indent="0" algn="l">
              <a:spcBef>
                <a:spcPts val="0"/>
              </a:spcBef>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5" name="Plassholder for tekst 2">
            <a:extLst>
              <a:ext uri="{FF2B5EF4-FFF2-40B4-BE49-F238E27FC236}">
                <a16:creationId xmlns:a16="http://schemas.microsoft.com/office/drawing/2014/main" id="{3DAF464D-5150-2CD2-B287-E5DE65E0CEB1}"/>
              </a:ext>
            </a:extLst>
          </p:cNvPr>
          <p:cNvSpPr>
            <a:spLocks noGrp="1"/>
          </p:cNvSpPr>
          <p:nvPr>
            <p:ph type="body" idx="21" hasCustomPrompt="1"/>
          </p:nvPr>
        </p:nvSpPr>
        <p:spPr>
          <a:xfrm>
            <a:off x="8336524" y="4482000"/>
            <a:ext cx="3014582" cy="601200"/>
          </a:xfrm>
        </p:spPr>
        <p:txBody>
          <a:bodyPr tIns="0" bIns="0" anchor="b">
            <a:noAutofit/>
          </a:bodyPr>
          <a:lstStyle>
            <a:lvl1pPr marL="0" indent="0" algn="l">
              <a:spcBef>
                <a:spcPts val="0"/>
              </a:spcBef>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0" name="Plassholder for bilde 16">
            <a:extLst>
              <a:ext uri="{FF2B5EF4-FFF2-40B4-BE49-F238E27FC236}">
                <a16:creationId xmlns:a16="http://schemas.microsoft.com/office/drawing/2014/main" id="{990A069D-E127-22E5-9FB1-B3DF0EABFE8D}"/>
              </a:ext>
            </a:extLst>
          </p:cNvPr>
          <p:cNvSpPr>
            <a:spLocks noGrp="1"/>
          </p:cNvSpPr>
          <p:nvPr>
            <p:ph type="pic" sz="quarter" idx="22" hasCustomPrompt="1"/>
          </p:nvPr>
        </p:nvSpPr>
        <p:spPr>
          <a:xfrm>
            <a:off x="836695" y="838800"/>
            <a:ext cx="3013365" cy="3415283"/>
          </a:xfrm>
          <a:custGeom>
            <a:avLst/>
            <a:gdLst>
              <a:gd name="connsiteX0" fmla="*/ 675893 w 3013365"/>
              <a:gd name="connsiteY0" fmla="*/ 0 h 3415283"/>
              <a:gd name="connsiteX1" fmla="*/ 2884021 w 3013365"/>
              <a:gd name="connsiteY1" fmla="*/ 0 h 3415283"/>
              <a:gd name="connsiteX2" fmla="*/ 3013365 w 3013365"/>
              <a:gd name="connsiteY2" fmla="*/ 129349 h 3415283"/>
              <a:gd name="connsiteX3" fmla="*/ 3013365 w 3013365"/>
              <a:gd name="connsiteY3" fmla="*/ 3285934 h 3415283"/>
              <a:gd name="connsiteX4" fmla="*/ 2884021 w 3013365"/>
              <a:gd name="connsiteY4" fmla="*/ 3415283 h 3415283"/>
              <a:gd name="connsiteX5" fmla="*/ 129344 w 3013365"/>
              <a:gd name="connsiteY5" fmla="*/ 3415283 h 3415283"/>
              <a:gd name="connsiteX6" fmla="*/ 0 w 3013365"/>
              <a:gd name="connsiteY6" fmla="*/ 3285934 h 3415283"/>
              <a:gd name="connsiteX7" fmla="*/ 0 w 3013365"/>
              <a:gd name="connsiteY7" fmla="*/ 1040331 h 3415283"/>
              <a:gd name="connsiteX8" fmla="*/ 18434 w 3013365"/>
              <a:gd name="connsiteY8" fmla="*/ 973770 h 3415283"/>
              <a:gd name="connsiteX9" fmla="*/ 564983 w 3013365"/>
              <a:gd name="connsiteY9" fmla="*/ 62789 h 3415283"/>
              <a:gd name="connsiteX10" fmla="*/ 675893 w 3013365"/>
              <a:gd name="connsiteY10" fmla="*/ 0 h 34152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13365" h="3415283">
                <a:moveTo>
                  <a:pt x="675893" y="0"/>
                </a:moveTo>
                <a:lnTo>
                  <a:pt x="2884021" y="0"/>
                </a:lnTo>
                <a:cubicBezTo>
                  <a:pt x="2955446" y="0"/>
                  <a:pt x="3013365" y="57921"/>
                  <a:pt x="3013365" y="129349"/>
                </a:cubicBezTo>
                <a:lnTo>
                  <a:pt x="3013365" y="3285934"/>
                </a:lnTo>
                <a:cubicBezTo>
                  <a:pt x="3013365" y="3357361"/>
                  <a:pt x="2955446" y="3415283"/>
                  <a:pt x="2884021" y="3415283"/>
                </a:cubicBezTo>
                <a:lnTo>
                  <a:pt x="129344" y="3415283"/>
                </a:lnTo>
                <a:cubicBezTo>
                  <a:pt x="57919" y="3415283"/>
                  <a:pt x="0" y="3357361"/>
                  <a:pt x="0" y="3285934"/>
                </a:cubicBezTo>
                <a:lnTo>
                  <a:pt x="0" y="1040331"/>
                </a:lnTo>
                <a:cubicBezTo>
                  <a:pt x="0" y="1016876"/>
                  <a:pt x="6388" y="993878"/>
                  <a:pt x="18434" y="973770"/>
                </a:cubicBezTo>
                <a:lnTo>
                  <a:pt x="564983" y="62789"/>
                </a:lnTo>
                <a:cubicBezTo>
                  <a:pt x="588345" y="23850"/>
                  <a:pt x="630446" y="0"/>
                  <a:pt x="675893" y="0"/>
                </a:cubicBezTo>
                <a:close/>
              </a:path>
            </a:pathLst>
          </a:custGeom>
        </p:spPr>
        <p:txBody>
          <a:bodyPr wrap="square" anchor="ctr">
            <a:noAutofit/>
          </a:bodyPr>
          <a:lstStyle>
            <a:lvl1pPr marL="0" indent="0" algn="ctr">
              <a:buNone/>
              <a:defRPr/>
            </a:lvl1pPr>
          </a:lstStyle>
          <a:p>
            <a:r>
              <a:rPr lang="nb-NO" dirty="0"/>
              <a:t>Klikk på ikonet for å legge til et bilde</a:t>
            </a:r>
          </a:p>
          <a:p>
            <a:endParaRPr lang="nb-NO" dirty="0"/>
          </a:p>
          <a:p>
            <a:endParaRPr lang="nb-NO" dirty="0"/>
          </a:p>
        </p:txBody>
      </p:sp>
      <p:sp>
        <p:nvSpPr>
          <p:cNvPr id="11" name="Plassholder for bilde 17">
            <a:extLst>
              <a:ext uri="{FF2B5EF4-FFF2-40B4-BE49-F238E27FC236}">
                <a16:creationId xmlns:a16="http://schemas.microsoft.com/office/drawing/2014/main" id="{64B13F93-E080-D5E1-8755-218C088B9779}"/>
              </a:ext>
            </a:extLst>
          </p:cNvPr>
          <p:cNvSpPr>
            <a:spLocks noGrp="1"/>
          </p:cNvSpPr>
          <p:nvPr>
            <p:ph type="pic" sz="quarter" idx="23" hasCustomPrompt="1"/>
          </p:nvPr>
        </p:nvSpPr>
        <p:spPr>
          <a:xfrm>
            <a:off x="4589932" y="838800"/>
            <a:ext cx="3013365" cy="3415282"/>
          </a:xfrm>
          <a:custGeom>
            <a:avLst/>
            <a:gdLst>
              <a:gd name="connsiteX0" fmla="*/ 129344 w 3013365"/>
              <a:gd name="connsiteY0" fmla="*/ 0 h 3415282"/>
              <a:gd name="connsiteX1" fmla="*/ 2884021 w 3013365"/>
              <a:gd name="connsiteY1" fmla="*/ 0 h 3415282"/>
              <a:gd name="connsiteX2" fmla="*/ 3013365 w 3013365"/>
              <a:gd name="connsiteY2" fmla="*/ 129349 h 3415282"/>
              <a:gd name="connsiteX3" fmla="*/ 3013365 w 3013365"/>
              <a:gd name="connsiteY3" fmla="*/ 3285933 h 3415282"/>
              <a:gd name="connsiteX4" fmla="*/ 2884021 w 3013365"/>
              <a:gd name="connsiteY4" fmla="*/ 3415282 h 3415282"/>
              <a:gd name="connsiteX5" fmla="*/ 129344 w 3013365"/>
              <a:gd name="connsiteY5" fmla="*/ 3415282 h 3415282"/>
              <a:gd name="connsiteX6" fmla="*/ 0 w 3013365"/>
              <a:gd name="connsiteY6" fmla="*/ 3285933 h 3415282"/>
              <a:gd name="connsiteX7" fmla="*/ 0 w 3013365"/>
              <a:gd name="connsiteY7" fmla="*/ 129349 h 3415282"/>
              <a:gd name="connsiteX8" fmla="*/ 129344 w 3013365"/>
              <a:gd name="connsiteY8" fmla="*/ 0 h 34152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013365" h="3415282">
                <a:moveTo>
                  <a:pt x="129344" y="0"/>
                </a:moveTo>
                <a:lnTo>
                  <a:pt x="2884021" y="0"/>
                </a:lnTo>
                <a:cubicBezTo>
                  <a:pt x="2955456" y="0"/>
                  <a:pt x="3013365" y="57912"/>
                  <a:pt x="3013365" y="129349"/>
                </a:cubicBezTo>
                <a:lnTo>
                  <a:pt x="3013365" y="3285933"/>
                </a:lnTo>
                <a:cubicBezTo>
                  <a:pt x="3013365" y="3357370"/>
                  <a:pt x="2955456" y="3415282"/>
                  <a:pt x="2884021" y="3415282"/>
                </a:cubicBezTo>
                <a:lnTo>
                  <a:pt x="129344" y="3415282"/>
                </a:lnTo>
                <a:cubicBezTo>
                  <a:pt x="57909" y="3415282"/>
                  <a:pt x="0" y="3357370"/>
                  <a:pt x="0" y="3285933"/>
                </a:cubicBezTo>
                <a:lnTo>
                  <a:pt x="0" y="129349"/>
                </a:lnTo>
                <a:cubicBezTo>
                  <a:pt x="0" y="57912"/>
                  <a:pt x="57909" y="0"/>
                  <a:pt x="129344" y="0"/>
                </a:cubicBezTo>
                <a:close/>
              </a:path>
            </a:pathLst>
          </a:custGeom>
        </p:spPr>
        <p:txBody>
          <a:bodyPr wrap="square" anchor="ctr">
            <a:noAutofit/>
          </a:bodyPr>
          <a:lstStyle>
            <a:lvl1pPr marL="0" indent="0" algn="ctr">
              <a:buNone/>
              <a:defRPr/>
            </a:lvl1pPr>
          </a:lstStyle>
          <a:p>
            <a:r>
              <a:rPr lang="nb-NO" dirty="0"/>
              <a:t>Klikk på ikonet for å legge til et bilde</a:t>
            </a:r>
          </a:p>
          <a:p>
            <a:endParaRPr lang="nb-NO" dirty="0"/>
          </a:p>
          <a:p>
            <a:endParaRPr lang="nb-NO" dirty="0"/>
          </a:p>
        </p:txBody>
      </p:sp>
      <p:sp>
        <p:nvSpPr>
          <p:cNvPr id="13" name="Plassholder for bilde 18">
            <a:extLst>
              <a:ext uri="{FF2B5EF4-FFF2-40B4-BE49-F238E27FC236}">
                <a16:creationId xmlns:a16="http://schemas.microsoft.com/office/drawing/2014/main" id="{8784F1D7-4DBA-AC72-EC4D-4DFC757A4AFD}"/>
              </a:ext>
            </a:extLst>
          </p:cNvPr>
          <p:cNvSpPr>
            <a:spLocks noGrp="1"/>
          </p:cNvSpPr>
          <p:nvPr>
            <p:ph type="pic" sz="quarter" idx="24" hasCustomPrompt="1"/>
          </p:nvPr>
        </p:nvSpPr>
        <p:spPr>
          <a:xfrm>
            <a:off x="8340726" y="838800"/>
            <a:ext cx="3011858" cy="3413573"/>
          </a:xfrm>
          <a:custGeom>
            <a:avLst/>
            <a:gdLst>
              <a:gd name="connsiteX0" fmla="*/ 129279 w 3011858"/>
              <a:gd name="connsiteY0" fmla="*/ 0 h 3413573"/>
              <a:gd name="connsiteX1" fmla="*/ 2882579 w 3011858"/>
              <a:gd name="connsiteY1" fmla="*/ 0 h 3413573"/>
              <a:gd name="connsiteX2" fmla="*/ 3011858 w 3011858"/>
              <a:gd name="connsiteY2" fmla="*/ 129285 h 3413573"/>
              <a:gd name="connsiteX3" fmla="*/ 3011858 w 3011858"/>
              <a:gd name="connsiteY3" fmla="*/ 2373763 h 3413573"/>
              <a:gd name="connsiteX4" fmla="*/ 2993433 w 3011858"/>
              <a:gd name="connsiteY4" fmla="*/ 2440291 h 3413573"/>
              <a:gd name="connsiteX5" fmla="*/ 2447157 w 3011858"/>
              <a:gd name="connsiteY5" fmla="*/ 3350816 h 3413573"/>
              <a:gd name="connsiteX6" fmla="*/ 2336303 w 3011858"/>
              <a:gd name="connsiteY6" fmla="*/ 3413573 h 3413573"/>
              <a:gd name="connsiteX7" fmla="*/ 129279 w 3011858"/>
              <a:gd name="connsiteY7" fmla="*/ 3413573 h 3413573"/>
              <a:gd name="connsiteX8" fmla="*/ 0 w 3011858"/>
              <a:gd name="connsiteY8" fmla="*/ 3284289 h 3413573"/>
              <a:gd name="connsiteX9" fmla="*/ 0 w 3011858"/>
              <a:gd name="connsiteY9" fmla="*/ 129285 h 3413573"/>
              <a:gd name="connsiteX10" fmla="*/ 129279 w 3011858"/>
              <a:gd name="connsiteY10" fmla="*/ 0 h 34135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11858" h="3413573">
                <a:moveTo>
                  <a:pt x="129279" y="0"/>
                </a:moveTo>
                <a:lnTo>
                  <a:pt x="2882579" y="0"/>
                </a:lnTo>
                <a:cubicBezTo>
                  <a:pt x="2953968" y="0"/>
                  <a:pt x="3011858" y="57892"/>
                  <a:pt x="3011858" y="129285"/>
                </a:cubicBezTo>
                <a:lnTo>
                  <a:pt x="3011858" y="2373763"/>
                </a:lnTo>
                <a:cubicBezTo>
                  <a:pt x="3011858" y="2397206"/>
                  <a:pt x="3005473" y="2420193"/>
                  <a:pt x="2993433" y="2440291"/>
                </a:cubicBezTo>
                <a:lnTo>
                  <a:pt x="2447157" y="3350816"/>
                </a:lnTo>
                <a:cubicBezTo>
                  <a:pt x="2423807" y="3389735"/>
                  <a:pt x="2381727" y="3413573"/>
                  <a:pt x="2336303" y="3413573"/>
                </a:cubicBezTo>
                <a:lnTo>
                  <a:pt x="129279" y="3413573"/>
                </a:lnTo>
                <a:cubicBezTo>
                  <a:pt x="57890" y="3413573"/>
                  <a:pt x="0" y="3355681"/>
                  <a:pt x="0" y="3284289"/>
                </a:cubicBezTo>
                <a:lnTo>
                  <a:pt x="0" y="129285"/>
                </a:lnTo>
                <a:cubicBezTo>
                  <a:pt x="0" y="57892"/>
                  <a:pt x="57890" y="0"/>
                  <a:pt x="129279" y="0"/>
                </a:cubicBezTo>
                <a:close/>
              </a:path>
            </a:pathLst>
          </a:custGeom>
        </p:spPr>
        <p:txBody>
          <a:bodyPr wrap="square" anchor="ctr">
            <a:noAutofit/>
          </a:bodyPr>
          <a:lstStyle>
            <a:lvl1pPr marL="0" indent="0" algn="ctr">
              <a:buNone/>
              <a:defRPr/>
            </a:lvl1pPr>
          </a:lstStyle>
          <a:p>
            <a:r>
              <a:rPr lang="nb-NO" dirty="0"/>
              <a:t>Klikk på ikonet for å legge til et bilde</a:t>
            </a:r>
          </a:p>
          <a:p>
            <a:endParaRPr lang="nb-NO" dirty="0"/>
          </a:p>
          <a:p>
            <a:endParaRPr lang="nb-NO" dirty="0"/>
          </a:p>
        </p:txBody>
      </p:sp>
    </p:spTree>
    <p:extLst>
      <p:ext uri="{BB962C8B-B14F-4D97-AF65-F5344CB8AC3E}">
        <p14:creationId xmlns:p14="http://schemas.microsoft.com/office/powerpoint/2010/main" val="181138662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 Bilde (v1)">
    <p:spTree>
      <p:nvGrpSpPr>
        <p:cNvPr id="1" name=""/>
        <p:cNvGrpSpPr/>
        <p:nvPr/>
      </p:nvGrpSpPr>
      <p:grpSpPr>
        <a:xfrm>
          <a:off x="0" y="0"/>
          <a:ext cx="0" cy="0"/>
          <a:chOff x="0" y="0"/>
          <a:chExt cx="0" cy="0"/>
        </a:xfrm>
      </p:grpSpPr>
      <p:pic>
        <p:nvPicPr>
          <p:cNvPr id="3" name="Bilde 2">
            <a:extLst>
              <a:ext uri="{FF2B5EF4-FFF2-40B4-BE49-F238E27FC236}">
                <a16:creationId xmlns:a16="http://schemas.microsoft.com/office/drawing/2014/main" id="{EA1DF8E2-A065-3600-6EB2-A554FC0AFFEA}"/>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14" name="Plassholder for bilde 13">
            <a:extLst>
              <a:ext uri="{FF2B5EF4-FFF2-40B4-BE49-F238E27FC236}">
                <a16:creationId xmlns:a16="http://schemas.microsoft.com/office/drawing/2014/main" id="{ECCAB366-333D-E64B-848E-100674BDCE56}"/>
              </a:ext>
            </a:extLst>
          </p:cNvPr>
          <p:cNvSpPr>
            <a:spLocks noGrp="1"/>
          </p:cNvSpPr>
          <p:nvPr>
            <p:ph type="pic" sz="quarter" idx="10" hasCustomPrompt="1"/>
          </p:nvPr>
        </p:nvSpPr>
        <p:spPr>
          <a:xfrm>
            <a:off x="838199" y="818284"/>
            <a:ext cx="10509274" cy="5218477"/>
          </a:xfrm>
          <a:custGeom>
            <a:avLst/>
            <a:gdLst>
              <a:gd name="connsiteX0" fmla="*/ 224033 w 10509274"/>
              <a:gd name="connsiteY0" fmla="*/ 0 h 5218477"/>
              <a:gd name="connsiteX1" fmla="*/ 7150832 w 10509274"/>
              <a:gd name="connsiteY1" fmla="*/ 0 h 5218477"/>
              <a:gd name="connsiteX2" fmla="*/ 7374864 w 10509274"/>
              <a:gd name="connsiteY2" fmla="*/ 223995 h 5218477"/>
              <a:gd name="connsiteX3" fmla="*/ 7374864 w 10509274"/>
              <a:gd name="connsiteY3" fmla="*/ 930750 h 5218477"/>
              <a:gd name="connsiteX4" fmla="*/ 7791002 w 10509274"/>
              <a:gd name="connsiteY4" fmla="*/ 1046013 h 5218477"/>
              <a:gd name="connsiteX5" fmla="*/ 8353456 w 10509274"/>
              <a:gd name="connsiteY5" fmla="*/ 108731 h 5218477"/>
              <a:gd name="connsiteX6" fmla="*/ 8545559 w 10509274"/>
              <a:gd name="connsiteY6" fmla="*/ 0 h 5218477"/>
              <a:gd name="connsiteX7" fmla="*/ 10285240 w 10509274"/>
              <a:gd name="connsiteY7" fmla="*/ 0 h 5218477"/>
              <a:gd name="connsiteX8" fmla="*/ 10509274 w 10509274"/>
              <a:gd name="connsiteY8" fmla="*/ 223995 h 5218477"/>
              <a:gd name="connsiteX9" fmla="*/ 10509274 w 10509274"/>
              <a:gd name="connsiteY9" fmla="*/ 3416822 h 5218477"/>
              <a:gd name="connsiteX10" fmla="*/ 10477186 w 10509274"/>
              <a:gd name="connsiteY10" fmla="*/ 3532297 h 5218477"/>
              <a:gd name="connsiteX11" fmla="*/ 9527890 w 10509274"/>
              <a:gd name="connsiteY11" fmla="*/ 5109956 h 5218477"/>
              <a:gd name="connsiteX12" fmla="*/ 9335945 w 10509274"/>
              <a:gd name="connsiteY12" fmla="*/ 5218477 h 5218477"/>
              <a:gd name="connsiteX13" fmla="*/ 224033 w 10509274"/>
              <a:gd name="connsiteY13" fmla="*/ 5218477 h 5218477"/>
              <a:gd name="connsiteX14" fmla="*/ 0 w 10509274"/>
              <a:gd name="connsiteY14" fmla="*/ 4994482 h 5218477"/>
              <a:gd name="connsiteX15" fmla="*/ 0 w 10509274"/>
              <a:gd name="connsiteY15" fmla="*/ 223995 h 5218477"/>
              <a:gd name="connsiteX16" fmla="*/ 224033 w 10509274"/>
              <a:gd name="connsiteY16" fmla="*/ 0 h 5218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509274" h="5218477">
                <a:moveTo>
                  <a:pt x="224033" y="0"/>
                </a:moveTo>
                <a:lnTo>
                  <a:pt x="7150832" y="0"/>
                </a:lnTo>
                <a:cubicBezTo>
                  <a:pt x="7274545" y="0"/>
                  <a:pt x="7374864" y="100303"/>
                  <a:pt x="7374864" y="223995"/>
                </a:cubicBezTo>
                <a:lnTo>
                  <a:pt x="7374864" y="930750"/>
                </a:lnTo>
                <a:cubicBezTo>
                  <a:pt x="7374864" y="1157958"/>
                  <a:pt x="7674085" y="1240824"/>
                  <a:pt x="7791002" y="1046013"/>
                </a:cubicBezTo>
                <a:lnTo>
                  <a:pt x="8353456" y="108731"/>
                </a:lnTo>
                <a:cubicBezTo>
                  <a:pt x="8393920" y="41301"/>
                  <a:pt x="8466841" y="0"/>
                  <a:pt x="8545559" y="0"/>
                </a:cubicBezTo>
                <a:lnTo>
                  <a:pt x="10285240" y="0"/>
                </a:lnTo>
                <a:cubicBezTo>
                  <a:pt x="10408954" y="0"/>
                  <a:pt x="10509274" y="100303"/>
                  <a:pt x="10509274" y="223995"/>
                </a:cubicBezTo>
                <a:lnTo>
                  <a:pt x="10509274" y="3416822"/>
                </a:lnTo>
                <a:cubicBezTo>
                  <a:pt x="10509274" y="3457491"/>
                  <a:pt x="10498156" y="3497423"/>
                  <a:pt x="10477186" y="3532297"/>
                </a:cubicBezTo>
                <a:lnTo>
                  <a:pt x="9527890" y="5109956"/>
                </a:lnTo>
                <a:cubicBezTo>
                  <a:pt x="9487373" y="5177281"/>
                  <a:pt x="9414556" y="5218477"/>
                  <a:pt x="9335945" y="5218477"/>
                </a:cubicBezTo>
                <a:lnTo>
                  <a:pt x="224033" y="5218477"/>
                </a:lnTo>
                <a:cubicBezTo>
                  <a:pt x="100320" y="5218477"/>
                  <a:pt x="0" y="5118174"/>
                  <a:pt x="0" y="4994482"/>
                </a:cubicBezTo>
                <a:lnTo>
                  <a:pt x="0" y="223995"/>
                </a:lnTo>
                <a:cubicBezTo>
                  <a:pt x="0" y="100303"/>
                  <a:pt x="100320" y="0"/>
                  <a:pt x="224033" y="0"/>
                </a:cubicBezTo>
                <a:close/>
              </a:path>
            </a:pathLst>
          </a:custGeom>
        </p:spPr>
        <p:txBody>
          <a:bodyPr wrap="square" anchor="ctr">
            <a:noAutofit/>
          </a:bodyPr>
          <a:lstStyle>
            <a:lvl1pPr marL="0" indent="0" algn="ctr">
              <a:buNone/>
              <a:defRPr/>
            </a:lvl1pPr>
          </a:lstStyle>
          <a:p>
            <a:r>
              <a:rPr lang="nb-NO" dirty="0"/>
              <a:t>Klikk på ikonet </a:t>
            </a:r>
            <a:br>
              <a:rPr lang="nb-NO" dirty="0"/>
            </a:br>
            <a:r>
              <a:rPr lang="nb-NO" dirty="0"/>
              <a:t>for å legge til et bilde</a:t>
            </a:r>
          </a:p>
          <a:p>
            <a:endParaRPr lang="nb-NO" dirty="0"/>
          </a:p>
          <a:p>
            <a:endParaRPr lang="nb-NO" dirty="0"/>
          </a:p>
        </p:txBody>
      </p:sp>
      <p:pic>
        <p:nvPicPr>
          <p:cNvPr id="2" name="Bilde 1">
            <a:extLst>
              <a:ext uri="{FF2B5EF4-FFF2-40B4-BE49-F238E27FC236}">
                <a16:creationId xmlns:a16="http://schemas.microsoft.com/office/drawing/2014/main" id="{177ED965-E12E-DA02-D1EB-89AC6A707C9D}"/>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Tree>
    <p:extLst>
      <p:ext uri="{BB962C8B-B14F-4D97-AF65-F5344CB8AC3E}">
        <p14:creationId xmlns:p14="http://schemas.microsoft.com/office/powerpoint/2010/main" val="206990694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1 Bilde (v2)">
    <p:spTree>
      <p:nvGrpSpPr>
        <p:cNvPr id="1" name=""/>
        <p:cNvGrpSpPr/>
        <p:nvPr/>
      </p:nvGrpSpPr>
      <p:grpSpPr>
        <a:xfrm>
          <a:off x="0" y="0"/>
          <a:ext cx="0" cy="0"/>
          <a:chOff x="0" y="0"/>
          <a:chExt cx="0" cy="0"/>
        </a:xfrm>
      </p:grpSpPr>
      <p:pic>
        <p:nvPicPr>
          <p:cNvPr id="3" name="Bilde 2">
            <a:extLst>
              <a:ext uri="{FF2B5EF4-FFF2-40B4-BE49-F238E27FC236}">
                <a16:creationId xmlns:a16="http://schemas.microsoft.com/office/drawing/2014/main" id="{EA1DF8E2-A065-3600-6EB2-A554FC0AFFEA}"/>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12" name="Plassholder for bilde 11">
            <a:extLst>
              <a:ext uri="{FF2B5EF4-FFF2-40B4-BE49-F238E27FC236}">
                <a16:creationId xmlns:a16="http://schemas.microsoft.com/office/drawing/2014/main" id="{1459BD34-5E3D-D69E-68E7-CA27AE36083F}"/>
              </a:ext>
            </a:extLst>
          </p:cNvPr>
          <p:cNvSpPr>
            <a:spLocks noGrp="1"/>
          </p:cNvSpPr>
          <p:nvPr>
            <p:ph type="pic" sz="quarter" idx="10" hasCustomPrompt="1"/>
          </p:nvPr>
        </p:nvSpPr>
        <p:spPr>
          <a:xfrm>
            <a:off x="838199" y="818284"/>
            <a:ext cx="10507167" cy="5217405"/>
          </a:xfrm>
          <a:custGeom>
            <a:avLst/>
            <a:gdLst>
              <a:gd name="connsiteX0" fmla="*/ 223987 w 10507167"/>
              <a:gd name="connsiteY0" fmla="*/ 0 h 5217405"/>
              <a:gd name="connsiteX1" fmla="*/ 10283180 w 10507167"/>
              <a:gd name="connsiteY1" fmla="*/ 0 h 5217405"/>
              <a:gd name="connsiteX2" fmla="*/ 10507167 w 10507167"/>
              <a:gd name="connsiteY2" fmla="*/ 223949 h 5217405"/>
              <a:gd name="connsiteX3" fmla="*/ 10507167 w 10507167"/>
              <a:gd name="connsiteY3" fmla="*/ 4993455 h 5217405"/>
              <a:gd name="connsiteX4" fmla="*/ 10283180 w 10507167"/>
              <a:gd name="connsiteY4" fmla="*/ 5217405 h 5217405"/>
              <a:gd name="connsiteX5" fmla="*/ 223987 w 10507167"/>
              <a:gd name="connsiteY5" fmla="*/ 5217405 h 5217405"/>
              <a:gd name="connsiteX6" fmla="*/ 0 w 10507167"/>
              <a:gd name="connsiteY6" fmla="*/ 4993455 h 5217405"/>
              <a:gd name="connsiteX7" fmla="*/ 0 w 10507167"/>
              <a:gd name="connsiteY7" fmla="*/ 223949 h 5217405"/>
              <a:gd name="connsiteX8" fmla="*/ 223987 w 10507167"/>
              <a:gd name="connsiteY8" fmla="*/ 0 h 5217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507167" h="5217405">
                <a:moveTo>
                  <a:pt x="223987" y="0"/>
                </a:moveTo>
                <a:lnTo>
                  <a:pt x="10283180" y="0"/>
                </a:lnTo>
                <a:cubicBezTo>
                  <a:pt x="10406884" y="0"/>
                  <a:pt x="10507167" y="100265"/>
                  <a:pt x="10507167" y="223949"/>
                </a:cubicBezTo>
                <a:lnTo>
                  <a:pt x="10507167" y="4993455"/>
                </a:lnTo>
                <a:cubicBezTo>
                  <a:pt x="10507167" y="5117139"/>
                  <a:pt x="10406884" y="5217405"/>
                  <a:pt x="10283180" y="5217405"/>
                </a:cubicBezTo>
                <a:lnTo>
                  <a:pt x="223987" y="5217405"/>
                </a:lnTo>
                <a:cubicBezTo>
                  <a:pt x="100282" y="5217405"/>
                  <a:pt x="0" y="5117139"/>
                  <a:pt x="0" y="4993455"/>
                </a:cubicBezTo>
                <a:lnTo>
                  <a:pt x="0" y="223949"/>
                </a:lnTo>
                <a:cubicBezTo>
                  <a:pt x="0" y="100266"/>
                  <a:pt x="100282" y="0"/>
                  <a:pt x="223987" y="0"/>
                </a:cubicBezTo>
                <a:close/>
              </a:path>
            </a:pathLst>
          </a:custGeom>
        </p:spPr>
        <p:txBody>
          <a:bodyPr wrap="square" anchor="ctr">
            <a:noAutofit/>
          </a:bodyPr>
          <a:lstStyle>
            <a:lvl1pPr marL="0" indent="0" algn="ctr">
              <a:buNone/>
              <a:defRPr/>
            </a:lvl1pPr>
          </a:lstStyle>
          <a:p>
            <a:r>
              <a:rPr lang="nb-NO" dirty="0"/>
              <a:t>Klikk på ikonet </a:t>
            </a:r>
            <a:br>
              <a:rPr lang="nb-NO" dirty="0"/>
            </a:br>
            <a:r>
              <a:rPr lang="nb-NO" dirty="0"/>
              <a:t>for å legge til et bilde</a:t>
            </a:r>
          </a:p>
          <a:p>
            <a:endParaRPr lang="nb-NO" dirty="0"/>
          </a:p>
          <a:p>
            <a:endParaRPr lang="nb-NO" dirty="0"/>
          </a:p>
        </p:txBody>
      </p:sp>
      <p:pic>
        <p:nvPicPr>
          <p:cNvPr id="2" name="Bilde 1">
            <a:extLst>
              <a:ext uri="{FF2B5EF4-FFF2-40B4-BE49-F238E27FC236}">
                <a16:creationId xmlns:a16="http://schemas.microsoft.com/office/drawing/2014/main" id="{4B1C7BE3-4A97-8149-D05D-5F4215013729}"/>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Tree>
    <p:extLst>
      <p:ext uri="{BB962C8B-B14F-4D97-AF65-F5344CB8AC3E}">
        <p14:creationId xmlns:p14="http://schemas.microsoft.com/office/powerpoint/2010/main" val="1483929006"/>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1 Bilde (v3)">
    <p:spTree>
      <p:nvGrpSpPr>
        <p:cNvPr id="1" name=""/>
        <p:cNvGrpSpPr/>
        <p:nvPr/>
      </p:nvGrpSpPr>
      <p:grpSpPr>
        <a:xfrm>
          <a:off x="0" y="0"/>
          <a:ext cx="0" cy="0"/>
          <a:chOff x="0" y="0"/>
          <a:chExt cx="0" cy="0"/>
        </a:xfrm>
      </p:grpSpPr>
      <p:sp>
        <p:nvSpPr>
          <p:cNvPr id="8" name="Plassholder for bilde 7">
            <a:extLst>
              <a:ext uri="{FF2B5EF4-FFF2-40B4-BE49-F238E27FC236}">
                <a16:creationId xmlns:a16="http://schemas.microsoft.com/office/drawing/2014/main" id="{72660B8F-0BAE-15FF-88C8-EE79E388F497}"/>
              </a:ext>
            </a:extLst>
          </p:cNvPr>
          <p:cNvSpPr>
            <a:spLocks noGrp="1"/>
          </p:cNvSpPr>
          <p:nvPr>
            <p:ph type="pic" sz="quarter" idx="13" hasCustomPrompt="1"/>
          </p:nvPr>
        </p:nvSpPr>
        <p:spPr>
          <a:xfrm>
            <a:off x="0" y="0"/>
            <a:ext cx="12192000" cy="6858000"/>
          </a:xfrm>
          <a:prstGeom prst="rect">
            <a:avLst/>
          </a:prstGeom>
        </p:spPr>
        <p:txBody>
          <a:bodyPr wrap="square" anchor="ctr">
            <a:noAutofit/>
          </a:bodyPr>
          <a:lstStyle>
            <a:lvl1pPr marL="0" indent="0" algn="ctr">
              <a:buNone/>
              <a:defRPr>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pic>
        <p:nvPicPr>
          <p:cNvPr id="2" name="Bilde 1">
            <a:extLst>
              <a:ext uri="{FF2B5EF4-FFF2-40B4-BE49-F238E27FC236}">
                <a16:creationId xmlns:a16="http://schemas.microsoft.com/office/drawing/2014/main" id="{D0954805-39EC-52CC-DDE7-6638D4EBDFAC}"/>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3" name="Bilde 2">
            <a:extLst>
              <a:ext uri="{FF2B5EF4-FFF2-40B4-BE49-F238E27FC236}">
                <a16:creationId xmlns:a16="http://schemas.microsoft.com/office/drawing/2014/main" id="{A8CD4C74-7405-8169-B433-224A12E3CEEF}"/>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Tree>
    <p:extLst>
      <p:ext uri="{BB962C8B-B14F-4D97-AF65-F5344CB8AC3E}">
        <p14:creationId xmlns:p14="http://schemas.microsoft.com/office/powerpoint/2010/main" val="106359487"/>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3 Bilder">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CB5DEFFC-D7C4-6B35-6CEB-9E471EACDB7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26" name="Plassholder for tekst 2">
            <a:extLst>
              <a:ext uri="{FF2B5EF4-FFF2-40B4-BE49-F238E27FC236}">
                <a16:creationId xmlns:a16="http://schemas.microsoft.com/office/drawing/2014/main" id="{CED34F65-A96E-F531-4CBC-F8FC34B16A0A}"/>
              </a:ext>
            </a:extLst>
          </p:cNvPr>
          <p:cNvSpPr>
            <a:spLocks noGrp="1"/>
          </p:cNvSpPr>
          <p:nvPr>
            <p:ph type="body" idx="1" hasCustomPrompt="1"/>
          </p:nvPr>
        </p:nvSpPr>
        <p:spPr>
          <a:xfrm>
            <a:off x="838201" y="1440000"/>
            <a:ext cx="3014582" cy="720000"/>
          </a:xfrm>
        </p:spPr>
        <p:txBody>
          <a:bodyPr tIns="0" bIns="0" anchor="b">
            <a:noAutofit/>
          </a:bodyPr>
          <a:lstStyle>
            <a:lvl1pPr marL="0" indent="0" algn="ctr">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27" name="Plassholder for tekst 2">
            <a:extLst>
              <a:ext uri="{FF2B5EF4-FFF2-40B4-BE49-F238E27FC236}">
                <a16:creationId xmlns:a16="http://schemas.microsoft.com/office/drawing/2014/main" id="{1A6EC7DB-7BC2-1DBF-7B5D-8105CEA778BA}"/>
              </a:ext>
            </a:extLst>
          </p:cNvPr>
          <p:cNvSpPr>
            <a:spLocks noGrp="1"/>
          </p:cNvSpPr>
          <p:nvPr>
            <p:ph type="body" idx="20" hasCustomPrompt="1"/>
          </p:nvPr>
        </p:nvSpPr>
        <p:spPr>
          <a:xfrm>
            <a:off x="4589931" y="1440000"/>
            <a:ext cx="3014582" cy="720000"/>
          </a:xfrm>
        </p:spPr>
        <p:txBody>
          <a:bodyPr tIns="0" bIns="0" anchor="b">
            <a:noAutofit/>
          </a:bodyPr>
          <a:lstStyle>
            <a:lvl1pPr marL="0" indent="0" algn="ctr">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28" name="Plassholder for tekst 2">
            <a:extLst>
              <a:ext uri="{FF2B5EF4-FFF2-40B4-BE49-F238E27FC236}">
                <a16:creationId xmlns:a16="http://schemas.microsoft.com/office/drawing/2014/main" id="{386E7C78-4D75-7B27-85DF-2D06E2B1E65C}"/>
              </a:ext>
            </a:extLst>
          </p:cNvPr>
          <p:cNvSpPr>
            <a:spLocks noGrp="1"/>
          </p:cNvSpPr>
          <p:nvPr>
            <p:ph type="body" idx="21" hasCustomPrompt="1"/>
          </p:nvPr>
        </p:nvSpPr>
        <p:spPr>
          <a:xfrm>
            <a:off x="8341660" y="1440000"/>
            <a:ext cx="3014582" cy="720000"/>
          </a:xfrm>
        </p:spPr>
        <p:txBody>
          <a:bodyPr tIns="0" bIns="0" anchor="b">
            <a:noAutofit/>
          </a:bodyPr>
          <a:lstStyle>
            <a:lvl1pPr marL="0" indent="0" algn="ctr">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35" name="Tittel 1">
            <a:extLst>
              <a:ext uri="{FF2B5EF4-FFF2-40B4-BE49-F238E27FC236}">
                <a16:creationId xmlns:a16="http://schemas.microsoft.com/office/drawing/2014/main" id="{550E15D3-594C-FF86-7351-B0AA46131189}"/>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
        <p:nvSpPr>
          <p:cNvPr id="17" name="Plassholder for bilde 16">
            <a:extLst>
              <a:ext uri="{FF2B5EF4-FFF2-40B4-BE49-F238E27FC236}">
                <a16:creationId xmlns:a16="http://schemas.microsoft.com/office/drawing/2014/main" id="{EF0F68EB-9EAC-8679-5A70-30683E9FCFED}"/>
              </a:ext>
            </a:extLst>
          </p:cNvPr>
          <p:cNvSpPr>
            <a:spLocks noGrp="1"/>
          </p:cNvSpPr>
          <p:nvPr>
            <p:ph type="pic" sz="quarter" idx="22" hasCustomPrompt="1"/>
          </p:nvPr>
        </p:nvSpPr>
        <p:spPr>
          <a:xfrm>
            <a:off x="836695" y="2268000"/>
            <a:ext cx="3013365" cy="3415283"/>
          </a:xfrm>
          <a:custGeom>
            <a:avLst/>
            <a:gdLst>
              <a:gd name="connsiteX0" fmla="*/ 675893 w 3013365"/>
              <a:gd name="connsiteY0" fmla="*/ 0 h 3415283"/>
              <a:gd name="connsiteX1" fmla="*/ 2884021 w 3013365"/>
              <a:gd name="connsiteY1" fmla="*/ 0 h 3415283"/>
              <a:gd name="connsiteX2" fmla="*/ 3013365 w 3013365"/>
              <a:gd name="connsiteY2" fmla="*/ 129349 h 3415283"/>
              <a:gd name="connsiteX3" fmla="*/ 3013365 w 3013365"/>
              <a:gd name="connsiteY3" fmla="*/ 3285934 h 3415283"/>
              <a:gd name="connsiteX4" fmla="*/ 2884021 w 3013365"/>
              <a:gd name="connsiteY4" fmla="*/ 3415283 h 3415283"/>
              <a:gd name="connsiteX5" fmla="*/ 129344 w 3013365"/>
              <a:gd name="connsiteY5" fmla="*/ 3415283 h 3415283"/>
              <a:gd name="connsiteX6" fmla="*/ 0 w 3013365"/>
              <a:gd name="connsiteY6" fmla="*/ 3285934 h 3415283"/>
              <a:gd name="connsiteX7" fmla="*/ 0 w 3013365"/>
              <a:gd name="connsiteY7" fmla="*/ 1040331 h 3415283"/>
              <a:gd name="connsiteX8" fmla="*/ 18434 w 3013365"/>
              <a:gd name="connsiteY8" fmla="*/ 973770 h 3415283"/>
              <a:gd name="connsiteX9" fmla="*/ 564983 w 3013365"/>
              <a:gd name="connsiteY9" fmla="*/ 62789 h 3415283"/>
              <a:gd name="connsiteX10" fmla="*/ 675893 w 3013365"/>
              <a:gd name="connsiteY10" fmla="*/ 0 h 34152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13365" h="3415283">
                <a:moveTo>
                  <a:pt x="675893" y="0"/>
                </a:moveTo>
                <a:lnTo>
                  <a:pt x="2884021" y="0"/>
                </a:lnTo>
                <a:cubicBezTo>
                  <a:pt x="2955446" y="0"/>
                  <a:pt x="3013365" y="57921"/>
                  <a:pt x="3013365" y="129349"/>
                </a:cubicBezTo>
                <a:lnTo>
                  <a:pt x="3013365" y="3285934"/>
                </a:lnTo>
                <a:cubicBezTo>
                  <a:pt x="3013365" y="3357361"/>
                  <a:pt x="2955446" y="3415283"/>
                  <a:pt x="2884021" y="3415283"/>
                </a:cubicBezTo>
                <a:lnTo>
                  <a:pt x="129344" y="3415283"/>
                </a:lnTo>
                <a:cubicBezTo>
                  <a:pt x="57919" y="3415283"/>
                  <a:pt x="0" y="3357361"/>
                  <a:pt x="0" y="3285934"/>
                </a:cubicBezTo>
                <a:lnTo>
                  <a:pt x="0" y="1040331"/>
                </a:lnTo>
                <a:cubicBezTo>
                  <a:pt x="0" y="1016876"/>
                  <a:pt x="6388" y="993878"/>
                  <a:pt x="18434" y="973770"/>
                </a:cubicBezTo>
                <a:lnTo>
                  <a:pt x="564983" y="62789"/>
                </a:lnTo>
                <a:cubicBezTo>
                  <a:pt x="588345" y="23850"/>
                  <a:pt x="630446" y="0"/>
                  <a:pt x="675893" y="0"/>
                </a:cubicBezTo>
                <a:close/>
              </a:path>
            </a:pathLst>
          </a:custGeom>
        </p:spPr>
        <p:txBody>
          <a:bodyPr wrap="square" anchor="ctr">
            <a:noAutofit/>
          </a:bodyPr>
          <a:lstStyle>
            <a:lvl1pPr marL="0" indent="0" algn="ctr">
              <a:buNone/>
              <a:defRPr sz="1600"/>
            </a:lvl1pPr>
          </a:lstStyle>
          <a:p>
            <a:r>
              <a:rPr lang="nb-NO" dirty="0"/>
              <a:t>Klikk på ikonet </a:t>
            </a:r>
            <a:br>
              <a:rPr lang="nb-NO" dirty="0"/>
            </a:br>
            <a:r>
              <a:rPr lang="nb-NO" dirty="0"/>
              <a:t>for å legge til et bilde</a:t>
            </a:r>
          </a:p>
          <a:p>
            <a:endParaRPr lang="nb-NO" dirty="0"/>
          </a:p>
          <a:p>
            <a:endParaRPr lang="nb-NO" dirty="0"/>
          </a:p>
        </p:txBody>
      </p:sp>
      <p:sp>
        <p:nvSpPr>
          <p:cNvPr id="18" name="Plassholder for bilde 17">
            <a:extLst>
              <a:ext uri="{FF2B5EF4-FFF2-40B4-BE49-F238E27FC236}">
                <a16:creationId xmlns:a16="http://schemas.microsoft.com/office/drawing/2014/main" id="{68F59501-36A3-7D33-1CDB-9142B70E2414}"/>
              </a:ext>
            </a:extLst>
          </p:cNvPr>
          <p:cNvSpPr>
            <a:spLocks noGrp="1"/>
          </p:cNvSpPr>
          <p:nvPr>
            <p:ph type="pic" sz="quarter" idx="23" hasCustomPrompt="1"/>
          </p:nvPr>
        </p:nvSpPr>
        <p:spPr>
          <a:xfrm>
            <a:off x="4589932" y="2268000"/>
            <a:ext cx="3013365" cy="3415282"/>
          </a:xfrm>
          <a:custGeom>
            <a:avLst/>
            <a:gdLst>
              <a:gd name="connsiteX0" fmla="*/ 129344 w 3013365"/>
              <a:gd name="connsiteY0" fmla="*/ 0 h 3415282"/>
              <a:gd name="connsiteX1" fmla="*/ 2884021 w 3013365"/>
              <a:gd name="connsiteY1" fmla="*/ 0 h 3415282"/>
              <a:gd name="connsiteX2" fmla="*/ 3013365 w 3013365"/>
              <a:gd name="connsiteY2" fmla="*/ 129349 h 3415282"/>
              <a:gd name="connsiteX3" fmla="*/ 3013365 w 3013365"/>
              <a:gd name="connsiteY3" fmla="*/ 3285933 h 3415282"/>
              <a:gd name="connsiteX4" fmla="*/ 2884021 w 3013365"/>
              <a:gd name="connsiteY4" fmla="*/ 3415282 h 3415282"/>
              <a:gd name="connsiteX5" fmla="*/ 129344 w 3013365"/>
              <a:gd name="connsiteY5" fmla="*/ 3415282 h 3415282"/>
              <a:gd name="connsiteX6" fmla="*/ 0 w 3013365"/>
              <a:gd name="connsiteY6" fmla="*/ 3285933 h 3415282"/>
              <a:gd name="connsiteX7" fmla="*/ 0 w 3013365"/>
              <a:gd name="connsiteY7" fmla="*/ 129349 h 3415282"/>
              <a:gd name="connsiteX8" fmla="*/ 129344 w 3013365"/>
              <a:gd name="connsiteY8" fmla="*/ 0 h 34152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013365" h="3415282">
                <a:moveTo>
                  <a:pt x="129344" y="0"/>
                </a:moveTo>
                <a:lnTo>
                  <a:pt x="2884021" y="0"/>
                </a:lnTo>
                <a:cubicBezTo>
                  <a:pt x="2955456" y="0"/>
                  <a:pt x="3013365" y="57912"/>
                  <a:pt x="3013365" y="129349"/>
                </a:cubicBezTo>
                <a:lnTo>
                  <a:pt x="3013365" y="3285933"/>
                </a:lnTo>
                <a:cubicBezTo>
                  <a:pt x="3013365" y="3357370"/>
                  <a:pt x="2955456" y="3415282"/>
                  <a:pt x="2884021" y="3415282"/>
                </a:cubicBezTo>
                <a:lnTo>
                  <a:pt x="129344" y="3415282"/>
                </a:lnTo>
                <a:cubicBezTo>
                  <a:pt x="57909" y="3415282"/>
                  <a:pt x="0" y="3357370"/>
                  <a:pt x="0" y="3285933"/>
                </a:cubicBezTo>
                <a:lnTo>
                  <a:pt x="0" y="129349"/>
                </a:lnTo>
                <a:cubicBezTo>
                  <a:pt x="0" y="57912"/>
                  <a:pt x="57909" y="0"/>
                  <a:pt x="129344" y="0"/>
                </a:cubicBezTo>
                <a:close/>
              </a:path>
            </a:pathLst>
          </a:custGeom>
        </p:spPr>
        <p:txBody>
          <a:bodyPr wrap="square" anchor="ctr">
            <a:noAutofit/>
          </a:bodyPr>
          <a:lstStyle>
            <a:lvl1pPr marL="0" indent="0" algn="ctr">
              <a:buNone/>
              <a:defRPr sz="1600"/>
            </a:lvl1pPr>
          </a:lstStyle>
          <a:p>
            <a:r>
              <a:rPr lang="nb-NO" dirty="0"/>
              <a:t>Klikk på ikonet </a:t>
            </a:r>
            <a:br>
              <a:rPr lang="nb-NO" dirty="0"/>
            </a:br>
            <a:r>
              <a:rPr lang="nb-NO" dirty="0"/>
              <a:t>for å legge til et bilde</a:t>
            </a:r>
          </a:p>
          <a:p>
            <a:endParaRPr lang="nb-NO" dirty="0"/>
          </a:p>
          <a:p>
            <a:endParaRPr lang="nb-NO" dirty="0"/>
          </a:p>
        </p:txBody>
      </p:sp>
      <p:sp>
        <p:nvSpPr>
          <p:cNvPr id="19" name="Plassholder for bilde 18">
            <a:extLst>
              <a:ext uri="{FF2B5EF4-FFF2-40B4-BE49-F238E27FC236}">
                <a16:creationId xmlns:a16="http://schemas.microsoft.com/office/drawing/2014/main" id="{9AA6CBFA-A4DF-B93B-44FA-90890861FEE5}"/>
              </a:ext>
            </a:extLst>
          </p:cNvPr>
          <p:cNvSpPr>
            <a:spLocks noGrp="1"/>
          </p:cNvSpPr>
          <p:nvPr>
            <p:ph type="pic" sz="quarter" idx="24" hasCustomPrompt="1"/>
          </p:nvPr>
        </p:nvSpPr>
        <p:spPr>
          <a:xfrm>
            <a:off x="8340726" y="2268000"/>
            <a:ext cx="3011858" cy="3413573"/>
          </a:xfrm>
          <a:custGeom>
            <a:avLst/>
            <a:gdLst>
              <a:gd name="connsiteX0" fmla="*/ 129279 w 3011858"/>
              <a:gd name="connsiteY0" fmla="*/ 0 h 3413573"/>
              <a:gd name="connsiteX1" fmla="*/ 2882579 w 3011858"/>
              <a:gd name="connsiteY1" fmla="*/ 0 h 3413573"/>
              <a:gd name="connsiteX2" fmla="*/ 3011858 w 3011858"/>
              <a:gd name="connsiteY2" fmla="*/ 129285 h 3413573"/>
              <a:gd name="connsiteX3" fmla="*/ 3011858 w 3011858"/>
              <a:gd name="connsiteY3" fmla="*/ 2373763 h 3413573"/>
              <a:gd name="connsiteX4" fmla="*/ 2993433 w 3011858"/>
              <a:gd name="connsiteY4" fmla="*/ 2440291 h 3413573"/>
              <a:gd name="connsiteX5" fmla="*/ 2447157 w 3011858"/>
              <a:gd name="connsiteY5" fmla="*/ 3350816 h 3413573"/>
              <a:gd name="connsiteX6" fmla="*/ 2336303 w 3011858"/>
              <a:gd name="connsiteY6" fmla="*/ 3413573 h 3413573"/>
              <a:gd name="connsiteX7" fmla="*/ 129279 w 3011858"/>
              <a:gd name="connsiteY7" fmla="*/ 3413573 h 3413573"/>
              <a:gd name="connsiteX8" fmla="*/ 0 w 3011858"/>
              <a:gd name="connsiteY8" fmla="*/ 3284289 h 3413573"/>
              <a:gd name="connsiteX9" fmla="*/ 0 w 3011858"/>
              <a:gd name="connsiteY9" fmla="*/ 129285 h 3413573"/>
              <a:gd name="connsiteX10" fmla="*/ 129279 w 3011858"/>
              <a:gd name="connsiteY10" fmla="*/ 0 h 34135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11858" h="3413573">
                <a:moveTo>
                  <a:pt x="129279" y="0"/>
                </a:moveTo>
                <a:lnTo>
                  <a:pt x="2882579" y="0"/>
                </a:lnTo>
                <a:cubicBezTo>
                  <a:pt x="2953968" y="0"/>
                  <a:pt x="3011858" y="57892"/>
                  <a:pt x="3011858" y="129285"/>
                </a:cubicBezTo>
                <a:lnTo>
                  <a:pt x="3011858" y="2373763"/>
                </a:lnTo>
                <a:cubicBezTo>
                  <a:pt x="3011858" y="2397206"/>
                  <a:pt x="3005473" y="2420193"/>
                  <a:pt x="2993433" y="2440291"/>
                </a:cubicBezTo>
                <a:lnTo>
                  <a:pt x="2447157" y="3350816"/>
                </a:lnTo>
                <a:cubicBezTo>
                  <a:pt x="2423807" y="3389735"/>
                  <a:pt x="2381727" y="3413573"/>
                  <a:pt x="2336303" y="3413573"/>
                </a:cubicBezTo>
                <a:lnTo>
                  <a:pt x="129279" y="3413573"/>
                </a:lnTo>
                <a:cubicBezTo>
                  <a:pt x="57890" y="3413573"/>
                  <a:pt x="0" y="3355681"/>
                  <a:pt x="0" y="3284289"/>
                </a:cubicBezTo>
                <a:lnTo>
                  <a:pt x="0" y="129285"/>
                </a:lnTo>
                <a:cubicBezTo>
                  <a:pt x="0" y="57892"/>
                  <a:pt x="57890" y="0"/>
                  <a:pt x="129279" y="0"/>
                </a:cubicBezTo>
                <a:close/>
              </a:path>
            </a:pathLst>
          </a:custGeom>
        </p:spPr>
        <p:txBody>
          <a:bodyPr wrap="square" anchor="ctr">
            <a:noAutofit/>
          </a:bodyPr>
          <a:lstStyle>
            <a:lvl1pPr marL="0" indent="0" algn="ctr">
              <a:buNone/>
              <a:defRPr sz="1600"/>
            </a:lvl1pPr>
          </a:lstStyle>
          <a:p>
            <a:r>
              <a:rPr lang="nb-NO" dirty="0"/>
              <a:t>Klikk på ikonet </a:t>
            </a:r>
            <a:br>
              <a:rPr lang="nb-NO" dirty="0"/>
            </a:br>
            <a:r>
              <a:rPr lang="nb-NO" dirty="0"/>
              <a:t>for å legge til et bilde</a:t>
            </a:r>
          </a:p>
          <a:p>
            <a:endParaRPr lang="nb-NO" dirty="0"/>
          </a:p>
          <a:p>
            <a:endParaRPr lang="nb-NO" dirty="0"/>
          </a:p>
        </p:txBody>
      </p:sp>
    </p:spTree>
    <p:extLst>
      <p:ext uri="{BB962C8B-B14F-4D97-AF65-F5344CB8AC3E}">
        <p14:creationId xmlns:p14="http://schemas.microsoft.com/office/powerpoint/2010/main" val="3635907389"/>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4 Bilder">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18" name="Plassholder for tekst 2">
            <a:extLst>
              <a:ext uri="{FF2B5EF4-FFF2-40B4-BE49-F238E27FC236}">
                <a16:creationId xmlns:a16="http://schemas.microsoft.com/office/drawing/2014/main" id="{A626301B-92ED-FC60-D58E-E83F321FEB0D}"/>
              </a:ext>
            </a:extLst>
          </p:cNvPr>
          <p:cNvSpPr>
            <a:spLocks noGrp="1"/>
          </p:cNvSpPr>
          <p:nvPr>
            <p:ph type="body" idx="19" hasCustomPrompt="1"/>
          </p:nvPr>
        </p:nvSpPr>
        <p:spPr>
          <a:xfrm>
            <a:off x="834588" y="1440000"/>
            <a:ext cx="2487600" cy="720000"/>
          </a:xfrm>
        </p:spPr>
        <p:txBody>
          <a:bodyPr tIns="0" bIns="0" anchor="b">
            <a:noAutofit/>
          </a:bodyPr>
          <a:lstStyle>
            <a:lvl1pPr marL="0" indent="0" algn="ctr">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22" name="Plassholder for tekst 2">
            <a:extLst>
              <a:ext uri="{FF2B5EF4-FFF2-40B4-BE49-F238E27FC236}">
                <a16:creationId xmlns:a16="http://schemas.microsoft.com/office/drawing/2014/main" id="{E603E3E6-9E37-E1CB-46F9-01545DE61496}"/>
              </a:ext>
            </a:extLst>
          </p:cNvPr>
          <p:cNvSpPr>
            <a:spLocks noGrp="1"/>
          </p:cNvSpPr>
          <p:nvPr>
            <p:ph type="body" idx="21" hasCustomPrompt="1"/>
          </p:nvPr>
        </p:nvSpPr>
        <p:spPr>
          <a:xfrm>
            <a:off x="3516527" y="1440000"/>
            <a:ext cx="2486994" cy="720000"/>
          </a:xfrm>
        </p:spPr>
        <p:txBody>
          <a:bodyPr tIns="0" bIns="0" anchor="b">
            <a:noAutofit/>
          </a:bodyPr>
          <a:lstStyle>
            <a:lvl1pPr marL="0" indent="0" algn="ctr">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a:t>H2 Overskrift</a:t>
            </a:r>
          </a:p>
        </p:txBody>
      </p:sp>
      <p:sp>
        <p:nvSpPr>
          <p:cNvPr id="26" name="Plassholder for tekst 2">
            <a:extLst>
              <a:ext uri="{FF2B5EF4-FFF2-40B4-BE49-F238E27FC236}">
                <a16:creationId xmlns:a16="http://schemas.microsoft.com/office/drawing/2014/main" id="{CE16A991-591F-CAAD-7A45-42CF6A6714F2}"/>
              </a:ext>
            </a:extLst>
          </p:cNvPr>
          <p:cNvSpPr>
            <a:spLocks noGrp="1"/>
          </p:cNvSpPr>
          <p:nvPr>
            <p:ph type="body" idx="23" hasCustomPrompt="1"/>
          </p:nvPr>
        </p:nvSpPr>
        <p:spPr>
          <a:xfrm>
            <a:off x="6197860" y="1440000"/>
            <a:ext cx="2486994" cy="720000"/>
          </a:xfrm>
        </p:spPr>
        <p:txBody>
          <a:bodyPr tIns="0" bIns="0" anchor="b">
            <a:noAutofit/>
          </a:bodyPr>
          <a:lstStyle>
            <a:lvl1pPr marL="0" indent="0" algn="ctr">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a:t>H2 Overskrift</a:t>
            </a:r>
          </a:p>
        </p:txBody>
      </p:sp>
      <p:sp>
        <p:nvSpPr>
          <p:cNvPr id="30" name="Plassholder for tekst 2">
            <a:extLst>
              <a:ext uri="{FF2B5EF4-FFF2-40B4-BE49-F238E27FC236}">
                <a16:creationId xmlns:a16="http://schemas.microsoft.com/office/drawing/2014/main" id="{B76AB1BF-AF1B-EF2E-8F06-DD93E634608B}"/>
              </a:ext>
            </a:extLst>
          </p:cNvPr>
          <p:cNvSpPr>
            <a:spLocks noGrp="1"/>
          </p:cNvSpPr>
          <p:nvPr>
            <p:ph type="body" idx="25" hasCustomPrompt="1"/>
          </p:nvPr>
        </p:nvSpPr>
        <p:spPr>
          <a:xfrm>
            <a:off x="8879194" y="1440000"/>
            <a:ext cx="2486994" cy="720000"/>
          </a:xfrm>
        </p:spPr>
        <p:txBody>
          <a:bodyPr tIns="0" bIns="0" anchor="b">
            <a:noAutofit/>
          </a:bodyPr>
          <a:lstStyle>
            <a:lvl1pPr marL="0" indent="0" algn="ctr">
              <a:buNone/>
              <a:defRPr sz="24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pic>
        <p:nvPicPr>
          <p:cNvPr id="2" name="Bilde 1">
            <a:extLst>
              <a:ext uri="{FF2B5EF4-FFF2-40B4-BE49-F238E27FC236}">
                <a16:creationId xmlns:a16="http://schemas.microsoft.com/office/drawing/2014/main" id="{4048E809-A4B9-794D-10F7-F37BAEF9676C}"/>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35" name="Tittel 1">
            <a:extLst>
              <a:ext uri="{FF2B5EF4-FFF2-40B4-BE49-F238E27FC236}">
                <a16:creationId xmlns:a16="http://schemas.microsoft.com/office/drawing/2014/main" id="{00F5610C-F54A-7BCA-A22E-FC9C00216289}"/>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
        <p:nvSpPr>
          <p:cNvPr id="3" name="Plassholder for bilde 2">
            <a:extLst>
              <a:ext uri="{FF2B5EF4-FFF2-40B4-BE49-F238E27FC236}">
                <a16:creationId xmlns:a16="http://schemas.microsoft.com/office/drawing/2014/main" id="{AEDCDCE5-DBE3-2F22-8F65-D2EB1D65E10E}"/>
              </a:ext>
            </a:extLst>
          </p:cNvPr>
          <p:cNvSpPr>
            <a:spLocks noGrp="1"/>
          </p:cNvSpPr>
          <p:nvPr>
            <p:ph type="pic" sz="quarter" idx="22" hasCustomPrompt="1"/>
          </p:nvPr>
        </p:nvSpPr>
        <p:spPr>
          <a:xfrm>
            <a:off x="834589" y="2268000"/>
            <a:ext cx="2487600" cy="3315723"/>
          </a:xfrm>
          <a:custGeom>
            <a:avLst/>
            <a:gdLst>
              <a:gd name="connsiteX0" fmla="*/ 675893 w 3013075"/>
              <a:gd name="connsiteY0" fmla="*/ 0 h 4016129"/>
              <a:gd name="connsiteX1" fmla="*/ 2884021 w 3013075"/>
              <a:gd name="connsiteY1" fmla="*/ 0 h 4016129"/>
              <a:gd name="connsiteX2" fmla="*/ 3003199 w 3013075"/>
              <a:gd name="connsiteY2" fmla="*/ 78969 h 4016129"/>
              <a:gd name="connsiteX3" fmla="*/ 3013075 w 3013075"/>
              <a:gd name="connsiteY3" fmla="*/ 127855 h 4016129"/>
              <a:gd name="connsiteX4" fmla="*/ 3013075 w 3013075"/>
              <a:gd name="connsiteY4" fmla="*/ 3888275 h 4016129"/>
              <a:gd name="connsiteX5" fmla="*/ 3003199 w 3013075"/>
              <a:gd name="connsiteY5" fmla="*/ 3937161 h 4016129"/>
              <a:gd name="connsiteX6" fmla="*/ 2884021 w 3013075"/>
              <a:gd name="connsiteY6" fmla="*/ 4016129 h 4016129"/>
              <a:gd name="connsiteX7" fmla="*/ 129344 w 3013075"/>
              <a:gd name="connsiteY7" fmla="*/ 4016129 h 4016129"/>
              <a:gd name="connsiteX8" fmla="*/ 0 w 3013075"/>
              <a:gd name="connsiteY8" fmla="*/ 3886839 h 4016129"/>
              <a:gd name="connsiteX9" fmla="*/ 0 w 3013075"/>
              <a:gd name="connsiteY9" fmla="*/ 1039851 h 4016129"/>
              <a:gd name="connsiteX10" fmla="*/ 18434 w 3013075"/>
              <a:gd name="connsiteY10" fmla="*/ 973321 h 4016129"/>
              <a:gd name="connsiteX11" fmla="*/ 564983 w 3013075"/>
              <a:gd name="connsiteY11" fmla="*/ 62760 h 4016129"/>
              <a:gd name="connsiteX12" fmla="*/ 675893 w 3013075"/>
              <a:gd name="connsiteY12" fmla="*/ 0 h 4016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013075" h="4016129">
                <a:moveTo>
                  <a:pt x="675893" y="0"/>
                </a:moveTo>
                <a:lnTo>
                  <a:pt x="2884021" y="0"/>
                </a:lnTo>
                <a:cubicBezTo>
                  <a:pt x="2937590" y="0"/>
                  <a:pt x="2983561" y="32566"/>
                  <a:pt x="3003199" y="78969"/>
                </a:cubicBezTo>
                <a:lnTo>
                  <a:pt x="3013075" y="127855"/>
                </a:lnTo>
                <a:lnTo>
                  <a:pt x="3013075" y="3888275"/>
                </a:lnTo>
                <a:lnTo>
                  <a:pt x="3003199" y="3937161"/>
                </a:lnTo>
                <a:cubicBezTo>
                  <a:pt x="2983561" y="3983563"/>
                  <a:pt x="2937590" y="4016129"/>
                  <a:pt x="2884021" y="4016129"/>
                </a:cubicBezTo>
                <a:lnTo>
                  <a:pt x="129344" y="4016129"/>
                </a:lnTo>
                <a:cubicBezTo>
                  <a:pt x="57919" y="4016129"/>
                  <a:pt x="0" y="3958234"/>
                  <a:pt x="0" y="3886839"/>
                </a:cubicBezTo>
                <a:lnTo>
                  <a:pt x="0" y="1039851"/>
                </a:lnTo>
                <a:cubicBezTo>
                  <a:pt x="0" y="1016408"/>
                  <a:pt x="6358" y="993420"/>
                  <a:pt x="18434" y="973321"/>
                </a:cubicBezTo>
                <a:lnTo>
                  <a:pt x="564983" y="62760"/>
                </a:lnTo>
                <a:cubicBezTo>
                  <a:pt x="588376" y="23839"/>
                  <a:pt x="630477" y="0"/>
                  <a:pt x="675893" y="0"/>
                </a:cubicBezTo>
                <a:close/>
              </a:path>
            </a:pathLst>
          </a:custGeom>
          <a:noFill/>
        </p:spPr>
        <p:txBody>
          <a:bodyPr wrap="square" anchor="ctr">
            <a:noAutofit/>
          </a:bodyPr>
          <a:lstStyle>
            <a:lvl1pPr marL="0" indent="0" algn="ctr">
              <a:buNone/>
              <a:defRPr sz="1800"/>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4" name="Plassholder for bilde 3">
            <a:extLst>
              <a:ext uri="{FF2B5EF4-FFF2-40B4-BE49-F238E27FC236}">
                <a16:creationId xmlns:a16="http://schemas.microsoft.com/office/drawing/2014/main" id="{1A838B20-B4A9-9C59-6814-FD67BFC80281}"/>
              </a:ext>
            </a:extLst>
          </p:cNvPr>
          <p:cNvSpPr>
            <a:spLocks noGrp="1"/>
          </p:cNvSpPr>
          <p:nvPr>
            <p:ph type="pic" sz="quarter" idx="24" hasCustomPrompt="1"/>
          </p:nvPr>
        </p:nvSpPr>
        <p:spPr>
          <a:xfrm>
            <a:off x="3516527" y="2268335"/>
            <a:ext cx="2486994" cy="3314597"/>
          </a:xfrm>
          <a:custGeom>
            <a:avLst/>
            <a:gdLst>
              <a:gd name="connsiteX0" fmla="*/ 129344 w 3013364"/>
              <a:gd name="connsiteY0" fmla="*/ 0 h 4016129"/>
              <a:gd name="connsiteX1" fmla="*/ 2884021 w 3013364"/>
              <a:gd name="connsiteY1" fmla="*/ 0 h 4016129"/>
              <a:gd name="connsiteX2" fmla="*/ 3003199 w 3013364"/>
              <a:gd name="connsiteY2" fmla="*/ 78969 h 4016129"/>
              <a:gd name="connsiteX3" fmla="*/ 3013364 w 3013364"/>
              <a:gd name="connsiteY3" fmla="*/ 129285 h 4016129"/>
              <a:gd name="connsiteX4" fmla="*/ 3013364 w 3013364"/>
              <a:gd name="connsiteY4" fmla="*/ 2976286 h 4016129"/>
              <a:gd name="connsiteX5" fmla="*/ 3008677 w 3013364"/>
              <a:gd name="connsiteY5" fmla="*/ 3010798 h 4016129"/>
              <a:gd name="connsiteX6" fmla="*/ 2994931 w 3013364"/>
              <a:gd name="connsiteY6" fmla="*/ 3042808 h 4016129"/>
              <a:gd name="connsiteX7" fmla="*/ 2448382 w 3013364"/>
              <a:gd name="connsiteY7" fmla="*/ 3953370 h 4016129"/>
              <a:gd name="connsiteX8" fmla="*/ 2401209 w 3013364"/>
              <a:gd name="connsiteY8" fmla="*/ 3999357 h 4016129"/>
              <a:gd name="connsiteX9" fmla="*/ 2337476 w 3013364"/>
              <a:gd name="connsiteY9" fmla="*/ 4016129 h 4016129"/>
              <a:gd name="connsiteX10" fmla="*/ 129339 w 3013364"/>
              <a:gd name="connsiteY10" fmla="*/ 4016129 h 4016129"/>
              <a:gd name="connsiteX11" fmla="*/ 79002 w 3013364"/>
              <a:gd name="connsiteY11" fmla="*/ 4005969 h 4016129"/>
              <a:gd name="connsiteX12" fmla="*/ 0 w 3013364"/>
              <a:gd name="connsiteY12" fmla="*/ 3886840 h 4016129"/>
              <a:gd name="connsiteX13" fmla="*/ 0 w 3013364"/>
              <a:gd name="connsiteY13" fmla="*/ 129290 h 4016129"/>
              <a:gd name="connsiteX14" fmla="*/ 129344 w 3013364"/>
              <a:gd name="connsiteY14" fmla="*/ 0 h 4016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013364" h="4016129">
                <a:moveTo>
                  <a:pt x="129344" y="0"/>
                </a:moveTo>
                <a:lnTo>
                  <a:pt x="2884021" y="0"/>
                </a:lnTo>
                <a:cubicBezTo>
                  <a:pt x="2937590" y="0"/>
                  <a:pt x="2983561" y="32566"/>
                  <a:pt x="3003199" y="78969"/>
                </a:cubicBezTo>
                <a:lnTo>
                  <a:pt x="3013364" y="129285"/>
                </a:lnTo>
                <a:lnTo>
                  <a:pt x="3013364" y="2976286"/>
                </a:lnTo>
                <a:lnTo>
                  <a:pt x="3008677" y="3010798"/>
                </a:lnTo>
                <a:cubicBezTo>
                  <a:pt x="3005578" y="3021988"/>
                  <a:pt x="3000969" y="3032759"/>
                  <a:pt x="2994931" y="3042808"/>
                </a:cubicBezTo>
                <a:lnTo>
                  <a:pt x="2448382" y="3953370"/>
                </a:lnTo>
                <a:cubicBezTo>
                  <a:pt x="2436701" y="3972846"/>
                  <a:pt x="2420335" y="3988536"/>
                  <a:pt x="2401209" y="3999357"/>
                </a:cubicBezTo>
                <a:lnTo>
                  <a:pt x="2337476" y="4016129"/>
                </a:lnTo>
                <a:lnTo>
                  <a:pt x="129339" y="4016129"/>
                </a:lnTo>
                <a:lnTo>
                  <a:pt x="79002" y="4005969"/>
                </a:lnTo>
                <a:cubicBezTo>
                  <a:pt x="32580" y="3986339"/>
                  <a:pt x="0" y="3940386"/>
                  <a:pt x="0" y="3886840"/>
                </a:cubicBezTo>
                <a:lnTo>
                  <a:pt x="0" y="129290"/>
                </a:lnTo>
                <a:cubicBezTo>
                  <a:pt x="0" y="57895"/>
                  <a:pt x="57919" y="0"/>
                  <a:pt x="129344" y="0"/>
                </a:cubicBezTo>
                <a:close/>
              </a:path>
            </a:pathLst>
          </a:custGeom>
          <a:noFill/>
        </p:spPr>
        <p:txBody>
          <a:bodyPr wrap="square" anchor="ctr">
            <a:noAutofit/>
          </a:bodyPr>
          <a:lstStyle>
            <a:lvl1pPr marL="0" indent="0" algn="ctr">
              <a:buFontTx/>
              <a:buNone/>
              <a:defRPr sz="1800"/>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 name="Plassholder for bilde 4">
            <a:extLst>
              <a:ext uri="{FF2B5EF4-FFF2-40B4-BE49-F238E27FC236}">
                <a16:creationId xmlns:a16="http://schemas.microsoft.com/office/drawing/2014/main" id="{70861E1D-FE3B-5B7C-AB83-91C50EE73BDF}"/>
              </a:ext>
            </a:extLst>
          </p:cNvPr>
          <p:cNvSpPr>
            <a:spLocks noGrp="1"/>
          </p:cNvSpPr>
          <p:nvPr>
            <p:ph type="pic" sz="quarter" idx="26" hasCustomPrompt="1"/>
          </p:nvPr>
        </p:nvSpPr>
        <p:spPr>
          <a:xfrm>
            <a:off x="6197860" y="2268000"/>
            <a:ext cx="2486994" cy="3314595"/>
          </a:xfrm>
          <a:custGeom>
            <a:avLst/>
            <a:gdLst>
              <a:gd name="connsiteX0" fmla="*/ 129325 w 3012910"/>
              <a:gd name="connsiteY0" fmla="*/ 0 h 4015521"/>
              <a:gd name="connsiteX1" fmla="*/ 2883585 w 3012910"/>
              <a:gd name="connsiteY1" fmla="*/ 0 h 4015521"/>
              <a:gd name="connsiteX2" fmla="*/ 3012910 w 3012910"/>
              <a:gd name="connsiteY2" fmla="*/ 129270 h 4015521"/>
              <a:gd name="connsiteX3" fmla="*/ 3012910 w 3012910"/>
              <a:gd name="connsiteY3" fmla="*/ 3886251 h 4015521"/>
              <a:gd name="connsiteX4" fmla="*/ 2883585 w 3012910"/>
              <a:gd name="connsiteY4" fmla="*/ 4015521 h 4015521"/>
              <a:gd name="connsiteX5" fmla="*/ 129325 w 3012910"/>
              <a:gd name="connsiteY5" fmla="*/ 4015521 h 4015521"/>
              <a:gd name="connsiteX6" fmla="*/ 0 w 3012910"/>
              <a:gd name="connsiteY6" fmla="*/ 3886251 h 4015521"/>
              <a:gd name="connsiteX7" fmla="*/ 0 w 3012910"/>
              <a:gd name="connsiteY7" fmla="*/ 129270 h 4015521"/>
              <a:gd name="connsiteX8" fmla="*/ 129325 w 3012910"/>
              <a:gd name="connsiteY8" fmla="*/ 0 h 40155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012910" h="4015521">
                <a:moveTo>
                  <a:pt x="129325" y="0"/>
                </a:moveTo>
                <a:lnTo>
                  <a:pt x="2883585" y="0"/>
                </a:lnTo>
                <a:cubicBezTo>
                  <a:pt x="2955009" y="0"/>
                  <a:pt x="3012910" y="57876"/>
                  <a:pt x="3012910" y="129270"/>
                </a:cubicBezTo>
                <a:lnTo>
                  <a:pt x="3012910" y="3886251"/>
                </a:lnTo>
                <a:cubicBezTo>
                  <a:pt x="3012910" y="3957645"/>
                  <a:pt x="2955009" y="4015521"/>
                  <a:pt x="2883585" y="4015521"/>
                </a:cubicBezTo>
                <a:lnTo>
                  <a:pt x="129325" y="4015521"/>
                </a:lnTo>
                <a:cubicBezTo>
                  <a:pt x="57901" y="4015521"/>
                  <a:pt x="0" y="3957645"/>
                  <a:pt x="0" y="3886251"/>
                </a:cubicBezTo>
                <a:lnTo>
                  <a:pt x="0" y="129270"/>
                </a:lnTo>
                <a:cubicBezTo>
                  <a:pt x="0" y="57876"/>
                  <a:pt x="57901" y="0"/>
                  <a:pt x="129325" y="0"/>
                </a:cubicBezTo>
                <a:close/>
              </a:path>
            </a:pathLst>
          </a:custGeom>
          <a:noFill/>
        </p:spPr>
        <p:txBody>
          <a:bodyPr wrap="square" anchor="ctr">
            <a:noAutofit/>
          </a:bodyPr>
          <a:lstStyle>
            <a:lvl1pPr marL="0" indent="0" algn="ctr">
              <a:buNone/>
              <a:defRPr sz="1800"/>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13" name="Plassholder for bilde 12">
            <a:extLst>
              <a:ext uri="{FF2B5EF4-FFF2-40B4-BE49-F238E27FC236}">
                <a16:creationId xmlns:a16="http://schemas.microsoft.com/office/drawing/2014/main" id="{0D2B1E80-5263-B1D4-27A0-F83907448B29}"/>
              </a:ext>
            </a:extLst>
          </p:cNvPr>
          <p:cNvSpPr>
            <a:spLocks noGrp="1"/>
          </p:cNvSpPr>
          <p:nvPr>
            <p:ph type="pic" sz="quarter" idx="27" hasCustomPrompt="1"/>
          </p:nvPr>
        </p:nvSpPr>
        <p:spPr>
          <a:xfrm>
            <a:off x="8879192" y="2268000"/>
            <a:ext cx="2487309" cy="3314932"/>
          </a:xfrm>
          <a:custGeom>
            <a:avLst/>
            <a:gdLst>
              <a:gd name="connsiteX0" fmla="*/ 557934 w 2487309"/>
              <a:gd name="connsiteY0" fmla="*/ 0 h 3314932"/>
              <a:gd name="connsiteX1" fmla="*/ 2380693 w 2487309"/>
              <a:gd name="connsiteY1" fmla="*/ 0 h 3314932"/>
              <a:gd name="connsiteX2" fmla="*/ 2479072 w 2487309"/>
              <a:gd name="connsiteY2" fmla="*/ 65187 h 3314932"/>
              <a:gd name="connsiteX3" fmla="*/ 2487309 w 2487309"/>
              <a:gd name="connsiteY3" fmla="*/ 105959 h 3314932"/>
              <a:gd name="connsiteX4" fmla="*/ 2487309 w 2487309"/>
              <a:gd name="connsiteY4" fmla="*/ 800379 h 3314932"/>
              <a:gd name="connsiteX5" fmla="*/ 2483594 w 2487309"/>
              <a:gd name="connsiteY5" fmla="*/ 827733 h 3314932"/>
              <a:gd name="connsiteX6" fmla="*/ 2472247 w 2487309"/>
              <a:gd name="connsiteY6" fmla="*/ 854157 h 3314932"/>
              <a:gd name="connsiteX7" fmla="*/ 2086999 w 2487309"/>
              <a:gd name="connsiteY7" fmla="*/ 1495992 h 3314932"/>
              <a:gd name="connsiteX8" fmla="*/ 2178552 w 2487309"/>
              <a:gd name="connsiteY8" fmla="*/ 1657636 h 3314932"/>
              <a:gd name="connsiteX9" fmla="*/ 2380693 w 2487309"/>
              <a:gd name="connsiteY9" fmla="*/ 1657636 h 3314932"/>
              <a:gd name="connsiteX10" fmla="*/ 2479072 w 2487309"/>
              <a:gd name="connsiteY10" fmla="*/ 1722823 h 3314932"/>
              <a:gd name="connsiteX11" fmla="*/ 2487309 w 2487309"/>
              <a:gd name="connsiteY11" fmla="*/ 1763595 h 3314932"/>
              <a:gd name="connsiteX12" fmla="*/ 2487309 w 2487309"/>
              <a:gd name="connsiteY12" fmla="*/ 2458015 h 3314932"/>
              <a:gd name="connsiteX13" fmla="*/ 2483594 w 2487309"/>
              <a:gd name="connsiteY13" fmla="*/ 2485369 h 3314932"/>
              <a:gd name="connsiteX14" fmla="*/ 2472247 w 2487309"/>
              <a:gd name="connsiteY14" fmla="*/ 2511793 h 3314932"/>
              <a:gd name="connsiteX15" fmla="*/ 2021083 w 2487309"/>
              <a:gd name="connsiteY15" fmla="*/ 3263441 h 3314932"/>
              <a:gd name="connsiteX16" fmla="*/ 1982143 w 2487309"/>
              <a:gd name="connsiteY16" fmla="*/ 3301402 h 3314932"/>
              <a:gd name="connsiteX17" fmla="*/ 1930726 w 2487309"/>
              <a:gd name="connsiteY17" fmla="*/ 3314932 h 3314932"/>
              <a:gd name="connsiteX18" fmla="*/ 105334 w 2487309"/>
              <a:gd name="connsiteY18" fmla="*/ 3314932 h 3314932"/>
              <a:gd name="connsiteX19" fmla="*/ 65214 w 2487309"/>
              <a:gd name="connsiteY19" fmla="*/ 3306834 h 3314932"/>
              <a:gd name="connsiteX20" fmla="*/ 0 w 2487309"/>
              <a:gd name="connsiteY20" fmla="*/ 3208497 h 3314932"/>
              <a:gd name="connsiteX21" fmla="*/ 0 w 2487309"/>
              <a:gd name="connsiteY21" fmla="*/ 858373 h 3314932"/>
              <a:gd name="connsiteX22" fmla="*/ 15217 w 2487309"/>
              <a:gd name="connsiteY22" fmla="*/ 803454 h 3314932"/>
              <a:gd name="connsiteX23" fmla="*/ 466381 w 2487309"/>
              <a:gd name="connsiteY23" fmla="*/ 51807 h 3314932"/>
              <a:gd name="connsiteX24" fmla="*/ 557934 w 2487309"/>
              <a:gd name="connsiteY24" fmla="*/ 0 h 3314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487309" h="3314932">
                <a:moveTo>
                  <a:pt x="557934" y="0"/>
                </a:moveTo>
                <a:lnTo>
                  <a:pt x="2380693" y="0"/>
                </a:lnTo>
                <a:cubicBezTo>
                  <a:pt x="2424913" y="0"/>
                  <a:pt x="2462862" y="26883"/>
                  <a:pt x="2479072" y="65187"/>
                </a:cubicBezTo>
                <a:lnTo>
                  <a:pt x="2487309" y="105959"/>
                </a:lnTo>
                <a:lnTo>
                  <a:pt x="2487309" y="800379"/>
                </a:lnTo>
                <a:lnTo>
                  <a:pt x="2483594" y="827733"/>
                </a:lnTo>
                <a:cubicBezTo>
                  <a:pt x="2481036" y="836969"/>
                  <a:pt x="2477231" y="845861"/>
                  <a:pt x="2472247" y="854157"/>
                </a:cubicBezTo>
                <a:lnTo>
                  <a:pt x="2086999" y="1495992"/>
                </a:lnTo>
                <a:cubicBezTo>
                  <a:pt x="2044310" y="1567125"/>
                  <a:pt x="2095561" y="1657636"/>
                  <a:pt x="2178552" y="1657636"/>
                </a:cubicBezTo>
                <a:lnTo>
                  <a:pt x="2380693" y="1657636"/>
                </a:lnTo>
                <a:cubicBezTo>
                  <a:pt x="2424913" y="1657636"/>
                  <a:pt x="2462862" y="1684519"/>
                  <a:pt x="2479072" y="1722823"/>
                </a:cubicBezTo>
                <a:lnTo>
                  <a:pt x="2487309" y="1763595"/>
                </a:lnTo>
                <a:lnTo>
                  <a:pt x="2487309" y="2458015"/>
                </a:lnTo>
                <a:lnTo>
                  <a:pt x="2483594" y="2485369"/>
                </a:lnTo>
                <a:cubicBezTo>
                  <a:pt x="2481036" y="2494606"/>
                  <a:pt x="2477231" y="2503498"/>
                  <a:pt x="2472247" y="2511793"/>
                </a:cubicBezTo>
                <a:lnTo>
                  <a:pt x="2021083" y="3263441"/>
                </a:lnTo>
                <a:cubicBezTo>
                  <a:pt x="2011441" y="3279518"/>
                  <a:pt x="1997931" y="3292469"/>
                  <a:pt x="1982143" y="3301402"/>
                </a:cubicBezTo>
                <a:lnTo>
                  <a:pt x="1930726" y="3314932"/>
                </a:lnTo>
                <a:lnTo>
                  <a:pt x="105334" y="3314932"/>
                </a:lnTo>
                <a:lnTo>
                  <a:pt x="65214" y="3306834"/>
                </a:lnTo>
                <a:cubicBezTo>
                  <a:pt x="26894" y="3290631"/>
                  <a:pt x="0" y="3252698"/>
                  <a:pt x="0" y="3208497"/>
                </a:cubicBezTo>
                <a:lnTo>
                  <a:pt x="0" y="858373"/>
                </a:lnTo>
                <a:cubicBezTo>
                  <a:pt x="0" y="839021"/>
                  <a:pt x="5248" y="820046"/>
                  <a:pt x="15217" y="803454"/>
                </a:cubicBezTo>
                <a:lnTo>
                  <a:pt x="466381" y="51807"/>
                </a:lnTo>
                <a:cubicBezTo>
                  <a:pt x="485691" y="19678"/>
                  <a:pt x="520444" y="0"/>
                  <a:pt x="557934" y="0"/>
                </a:cubicBezTo>
                <a:close/>
              </a:path>
            </a:pathLst>
          </a:custGeom>
          <a:noFill/>
        </p:spPr>
        <p:txBody>
          <a:bodyPr wrap="square" anchor="ctr">
            <a:noAutofit/>
          </a:bodyPr>
          <a:lstStyle>
            <a:lvl1pPr marL="0" indent="0" algn="ctr">
              <a:buNone/>
              <a:defRPr sz="1800"/>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Tree>
    <p:extLst>
      <p:ext uri="{BB962C8B-B14F-4D97-AF65-F5344CB8AC3E}">
        <p14:creationId xmlns:p14="http://schemas.microsoft.com/office/powerpoint/2010/main" val="2617886911"/>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 Bilder (v1)">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18" name="Plassholder for tekst 2">
            <a:extLst>
              <a:ext uri="{FF2B5EF4-FFF2-40B4-BE49-F238E27FC236}">
                <a16:creationId xmlns:a16="http://schemas.microsoft.com/office/drawing/2014/main" id="{A626301B-92ED-FC60-D58E-E83F321FEB0D}"/>
              </a:ext>
            </a:extLst>
          </p:cNvPr>
          <p:cNvSpPr>
            <a:spLocks noGrp="1"/>
          </p:cNvSpPr>
          <p:nvPr>
            <p:ph type="body" idx="19" hasCustomPrompt="1"/>
          </p:nvPr>
        </p:nvSpPr>
        <p:spPr>
          <a:xfrm>
            <a:off x="838199" y="2088000"/>
            <a:ext cx="1962000" cy="575535"/>
          </a:xfrm>
        </p:spPr>
        <p:txBody>
          <a:bodyPr tIns="46800" bIns="46800" anchor="b">
            <a:noAutofit/>
          </a:bodyPr>
          <a:lstStyle>
            <a:lvl1pPr marL="0" indent="0" algn="ctr">
              <a:spcBef>
                <a:spcPts val="0"/>
              </a:spcBef>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22" name="Plassholder for tekst 2">
            <a:extLst>
              <a:ext uri="{FF2B5EF4-FFF2-40B4-BE49-F238E27FC236}">
                <a16:creationId xmlns:a16="http://schemas.microsoft.com/office/drawing/2014/main" id="{E603E3E6-9E37-E1CB-46F9-01545DE61496}"/>
              </a:ext>
            </a:extLst>
          </p:cNvPr>
          <p:cNvSpPr>
            <a:spLocks noGrp="1"/>
          </p:cNvSpPr>
          <p:nvPr>
            <p:ph type="body" idx="21" hasCustomPrompt="1"/>
          </p:nvPr>
        </p:nvSpPr>
        <p:spPr>
          <a:xfrm>
            <a:off x="2976599" y="2088000"/>
            <a:ext cx="1962000" cy="576250"/>
          </a:xfrm>
        </p:spPr>
        <p:txBody>
          <a:bodyPr tIns="46800" bIns="46800" anchor="b">
            <a:noAutofit/>
          </a:bodyPr>
          <a:lstStyle>
            <a:lvl1pPr marL="0" indent="0" algn="ctr">
              <a:spcBef>
                <a:spcPts val="0"/>
              </a:spcBef>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26" name="Plassholder for tekst 2">
            <a:extLst>
              <a:ext uri="{FF2B5EF4-FFF2-40B4-BE49-F238E27FC236}">
                <a16:creationId xmlns:a16="http://schemas.microsoft.com/office/drawing/2014/main" id="{CE16A991-591F-CAAD-7A45-42CF6A6714F2}"/>
              </a:ext>
            </a:extLst>
          </p:cNvPr>
          <p:cNvSpPr>
            <a:spLocks noGrp="1"/>
          </p:cNvSpPr>
          <p:nvPr>
            <p:ph type="body" idx="23" hasCustomPrompt="1"/>
          </p:nvPr>
        </p:nvSpPr>
        <p:spPr>
          <a:xfrm>
            <a:off x="5114999" y="2088000"/>
            <a:ext cx="1962000" cy="576250"/>
          </a:xfrm>
        </p:spPr>
        <p:txBody>
          <a:bodyPr tIns="46800" bIns="46800" anchor="b">
            <a:noAutofit/>
          </a:bodyPr>
          <a:lstStyle>
            <a:lvl1pPr marL="0" indent="0" algn="ctr">
              <a:spcBef>
                <a:spcPts val="0"/>
              </a:spcBef>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30" name="Plassholder for tekst 2">
            <a:extLst>
              <a:ext uri="{FF2B5EF4-FFF2-40B4-BE49-F238E27FC236}">
                <a16:creationId xmlns:a16="http://schemas.microsoft.com/office/drawing/2014/main" id="{B76AB1BF-AF1B-EF2E-8F06-DD93E634608B}"/>
              </a:ext>
            </a:extLst>
          </p:cNvPr>
          <p:cNvSpPr>
            <a:spLocks noGrp="1"/>
          </p:cNvSpPr>
          <p:nvPr>
            <p:ph type="body" idx="25" hasCustomPrompt="1"/>
          </p:nvPr>
        </p:nvSpPr>
        <p:spPr>
          <a:xfrm>
            <a:off x="7253399" y="2088000"/>
            <a:ext cx="1962000" cy="576250"/>
          </a:xfrm>
        </p:spPr>
        <p:txBody>
          <a:bodyPr tIns="46800" bIns="46800" anchor="b">
            <a:noAutofit/>
          </a:bodyPr>
          <a:lstStyle>
            <a:lvl1pPr marL="0" indent="0" algn="ctr">
              <a:spcBef>
                <a:spcPts val="0"/>
              </a:spcBef>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pic>
        <p:nvPicPr>
          <p:cNvPr id="2" name="Bilde 1">
            <a:extLst>
              <a:ext uri="{FF2B5EF4-FFF2-40B4-BE49-F238E27FC236}">
                <a16:creationId xmlns:a16="http://schemas.microsoft.com/office/drawing/2014/main" id="{4048E809-A4B9-794D-10F7-F37BAEF9676C}"/>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3" name="Plassholder for tekst 2">
            <a:extLst>
              <a:ext uri="{FF2B5EF4-FFF2-40B4-BE49-F238E27FC236}">
                <a16:creationId xmlns:a16="http://schemas.microsoft.com/office/drawing/2014/main" id="{639573D8-71D4-2D3C-C700-E5420324AFA0}"/>
              </a:ext>
            </a:extLst>
          </p:cNvPr>
          <p:cNvSpPr>
            <a:spLocks noGrp="1"/>
          </p:cNvSpPr>
          <p:nvPr>
            <p:ph type="body" idx="31" hasCustomPrompt="1"/>
          </p:nvPr>
        </p:nvSpPr>
        <p:spPr>
          <a:xfrm>
            <a:off x="9391800" y="2088000"/>
            <a:ext cx="1962000" cy="576250"/>
          </a:xfrm>
        </p:spPr>
        <p:txBody>
          <a:bodyPr tIns="46800" bIns="46800" anchor="b">
            <a:noAutofit/>
          </a:bodyPr>
          <a:lstStyle>
            <a:lvl1pPr marL="0" indent="0" algn="ctr">
              <a:spcBef>
                <a:spcPts val="0"/>
              </a:spcBef>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 name="Tittel 1">
            <a:extLst>
              <a:ext uri="{FF2B5EF4-FFF2-40B4-BE49-F238E27FC236}">
                <a16:creationId xmlns:a16="http://schemas.microsoft.com/office/drawing/2014/main" id="{CB046190-18F1-B510-732D-0343420A73A7}"/>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
        <p:nvSpPr>
          <p:cNvPr id="7" name="Plassholder for bilde 6">
            <a:extLst>
              <a:ext uri="{FF2B5EF4-FFF2-40B4-BE49-F238E27FC236}">
                <a16:creationId xmlns:a16="http://schemas.microsoft.com/office/drawing/2014/main" id="{B4D3BFEB-B91A-7355-B842-25DB1688E89A}"/>
              </a:ext>
            </a:extLst>
          </p:cNvPr>
          <p:cNvSpPr>
            <a:spLocks noGrp="1"/>
          </p:cNvSpPr>
          <p:nvPr>
            <p:ph type="pic" sz="quarter" idx="22" hasCustomPrompt="1"/>
          </p:nvPr>
        </p:nvSpPr>
        <p:spPr>
          <a:xfrm>
            <a:off x="838199" y="2915975"/>
            <a:ext cx="1962000" cy="2615151"/>
          </a:xfrm>
          <a:custGeom>
            <a:avLst/>
            <a:gdLst>
              <a:gd name="connsiteX0" fmla="*/ 675893 w 3013075"/>
              <a:gd name="connsiteY0" fmla="*/ 0 h 4016129"/>
              <a:gd name="connsiteX1" fmla="*/ 2884021 w 3013075"/>
              <a:gd name="connsiteY1" fmla="*/ 0 h 4016129"/>
              <a:gd name="connsiteX2" fmla="*/ 3003199 w 3013075"/>
              <a:gd name="connsiteY2" fmla="*/ 78969 h 4016129"/>
              <a:gd name="connsiteX3" fmla="*/ 3013075 w 3013075"/>
              <a:gd name="connsiteY3" fmla="*/ 127855 h 4016129"/>
              <a:gd name="connsiteX4" fmla="*/ 3013075 w 3013075"/>
              <a:gd name="connsiteY4" fmla="*/ 3888275 h 4016129"/>
              <a:gd name="connsiteX5" fmla="*/ 3003199 w 3013075"/>
              <a:gd name="connsiteY5" fmla="*/ 3937161 h 4016129"/>
              <a:gd name="connsiteX6" fmla="*/ 2884021 w 3013075"/>
              <a:gd name="connsiteY6" fmla="*/ 4016129 h 4016129"/>
              <a:gd name="connsiteX7" fmla="*/ 129344 w 3013075"/>
              <a:gd name="connsiteY7" fmla="*/ 4016129 h 4016129"/>
              <a:gd name="connsiteX8" fmla="*/ 0 w 3013075"/>
              <a:gd name="connsiteY8" fmla="*/ 3886839 h 4016129"/>
              <a:gd name="connsiteX9" fmla="*/ 0 w 3013075"/>
              <a:gd name="connsiteY9" fmla="*/ 1039851 h 4016129"/>
              <a:gd name="connsiteX10" fmla="*/ 18434 w 3013075"/>
              <a:gd name="connsiteY10" fmla="*/ 973321 h 4016129"/>
              <a:gd name="connsiteX11" fmla="*/ 564983 w 3013075"/>
              <a:gd name="connsiteY11" fmla="*/ 62760 h 4016129"/>
              <a:gd name="connsiteX12" fmla="*/ 675893 w 3013075"/>
              <a:gd name="connsiteY12" fmla="*/ 0 h 4016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013075" h="4016129">
                <a:moveTo>
                  <a:pt x="675893" y="0"/>
                </a:moveTo>
                <a:lnTo>
                  <a:pt x="2884021" y="0"/>
                </a:lnTo>
                <a:cubicBezTo>
                  <a:pt x="2937590" y="0"/>
                  <a:pt x="2983561" y="32566"/>
                  <a:pt x="3003199" y="78969"/>
                </a:cubicBezTo>
                <a:lnTo>
                  <a:pt x="3013075" y="127855"/>
                </a:lnTo>
                <a:lnTo>
                  <a:pt x="3013075" y="3888275"/>
                </a:lnTo>
                <a:lnTo>
                  <a:pt x="3003199" y="3937161"/>
                </a:lnTo>
                <a:cubicBezTo>
                  <a:pt x="2983561" y="3983563"/>
                  <a:pt x="2937590" y="4016129"/>
                  <a:pt x="2884021" y="4016129"/>
                </a:cubicBezTo>
                <a:lnTo>
                  <a:pt x="129344" y="4016129"/>
                </a:lnTo>
                <a:cubicBezTo>
                  <a:pt x="57919" y="4016129"/>
                  <a:pt x="0" y="3958234"/>
                  <a:pt x="0" y="3886839"/>
                </a:cubicBezTo>
                <a:lnTo>
                  <a:pt x="0" y="1039851"/>
                </a:lnTo>
                <a:cubicBezTo>
                  <a:pt x="0" y="1016408"/>
                  <a:pt x="6358" y="993420"/>
                  <a:pt x="18434" y="973321"/>
                </a:cubicBezTo>
                <a:lnTo>
                  <a:pt x="564983" y="62760"/>
                </a:lnTo>
                <a:cubicBezTo>
                  <a:pt x="588376" y="23839"/>
                  <a:pt x="630477" y="0"/>
                  <a:pt x="675893" y="0"/>
                </a:cubicBezTo>
                <a:close/>
              </a:path>
            </a:pathLst>
          </a:custGeom>
          <a:noFill/>
        </p:spPr>
        <p:txBody>
          <a:bodyPr wrap="square" anchor="ctr">
            <a:noAutofit/>
          </a:bodyPr>
          <a:lstStyle>
            <a:lvl1pPr marL="0" indent="0" algn="ctr">
              <a:buNone/>
              <a:defRPr sz="1600"/>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8" name="Plassholder for bilde 7">
            <a:extLst>
              <a:ext uri="{FF2B5EF4-FFF2-40B4-BE49-F238E27FC236}">
                <a16:creationId xmlns:a16="http://schemas.microsoft.com/office/drawing/2014/main" id="{401B58C5-300D-BD68-6A4F-AEF833660933}"/>
              </a:ext>
            </a:extLst>
          </p:cNvPr>
          <p:cNvSpPr>
            <a:spLocks noGrp="1"/>
          </p:cNvSpPr>
          <p:nvPr>
            <p:ph type="pic" sz="quarter" idx="24" hasCustomPrompt="1"/>
          </p:nvPr>
        </p:nvSpPr>
        <p:spPr>
          <a:xfrm>
            <a:off x="2975959" y="2915833"/>
            <a:ext cx="1962000" cy="2614899"/>
          </a:xfrm>
          <a:custGeom>
            <a:avLst/>
            <a:gdLst>
              <a:gd name="connsiteX0" fmla="*/ 129344 w 3013364"/>
              <a:gd name="connsiteY0" fmla="*/ 0 h 4016129"/>
              <a:gd name="connsiteX1" fmla="*/ 2884021 w 3013364"/>
              <a:gd name="connsiteY1" fmla="*/ 0 h 4016129"/>
              <a:gd name="connsiteX2" fmla="*/ 3003199 w 3013364"/>
              <a:gd name="connsiteY2" fmla="*/ 78969 h 4016129"/>
              <a:gd name="connsiteX3" fmla="*/ 3013364 w 3013364"/>
              <a:gd name="connsiteY3" fmla="*/ 129285 h 4016129"/>
              <a:gd name="connsiteX4" fmla="*/ 3013364 w 3013364"/>
              <a:gd name="connsiteY4" fmla="*/ 2976286 h 4016129"/>
              <a:gd name="connsiteX5" fmla="*/ 3008677 w 3013364"/>
              <a:gd name="connsiteY5" fmla="*/ 3010798 h 4016129"/>
              <a:gd name="connsiteX6" fmla="*/ 2994931 w 3013364"/>
              <a:gd name="connsiteY6" fmla="*/ 3042808 h 4016129"/>
              <a:gd name="connsiteX7" fmla="*/ 2448382 w 3013364"/>
              <a:gd name="connsiteY7" fmla="*/ 3953370 h 4016129"/>
              <a:gd name="connsiteX8" fmla="*/ 2401209 w 3013364"/>
              <a:gd name="connsiteY8" fmla="*/ 3999357 h 4016129"/>
              <a:gd name="connsiteX9" fmla="*/ 2337476 w 3013364"/>
              <a:gd name="connsiteY9" fmla="*/ 4016129 h 4016129"/>
              <a:gd name="connsiteX10" fmla="*/ 129339 w 3013364"/>
              <a:gd name="connsiteY10" fmla="*/ 4016129 h 4016129"/>
              <a:gd name="connsiteX11" fmla="*/ 79002 w 3013364"/>
              <a:gd name="connsiteY11" fmla="*/ 4005969 h 4016129"/>
              <a:gd name="connsiteX12" fmla="*/ 0 w 3013364"/>
              <a:gd name="connsiteY12" fmla="*/ 3886840 h 4016129"/>
              <a:gd name="connsiteX13" fmla="*/ 0 w 3013364"/>
              <a:gd name="connsiteY13" fmla="*/ 129290 h 4016129"/>
              <a:gd name="connsiteX14" fmla="*/ 129344 w 3013364"/>
              <a:gd name="connsiteY14" fmla="*/ 0 h 4016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013364" h="4016129">
                <a:moveTo>
                  <a:pt x="129344" y="0"/>
                </a:moveTo>
                <a:lnTo>
                  <a:pt x="2884021" y="0"/>
                </a:lnTo>
                <a:cubicBezTo>
                  <a:pt x="2937590" y="0"/>
                  <a:pt x="2983561" y="32566"/>
                  <a:pt x="3003199" y="78969"/>
                </a:cubicBezTo>
                <a:lnTo>
                  <a:pt x="3013364" y="129285"/>
                </a:lnTo>
                <a:lnTo>
                  <a:pt x="3013364" y="2976286"/>
                </a:lnTo>
                <a:lnTo>
                  <a:pt x="3008677" y="3010798"/>
                </a:lnTo>
                <a:cubicBezTo>
                  <a:pt x="3005578" y="3021988"/>
                  <a:pt x="3000969" y="3032759"/>
                  <a:pt x="2994931" y="3042808"/>
                </a:cubicBezTo>
                <a:lnTo>
                  <a:pt x="2448382" y="3953370"/>
                </a:lnTo>
                <a:cubicBezTo>
                  <a:pt x="2436701" y="3972846"/>
                  <a:pt x="2420335" y="3988536"/>
                  <a:pt x="2401209" y="3999357"/>
                </a:cubicBezTo>
                <a:lnTo>
                  <a:pt x="2337476" y="4016129"/>
                </a:lnTo>
                <a:lnTo>
                  <a:pt x="129339" y="4016129"/>
                </a:lnTo>
                <a:lnTo>
                  <a:pt x="79002" y="4005969"/>
                </a:lnTo>
                <a:cubicBezTo>
                  <a:pt x="32580" y="3986339"/>
                  <a:pt x="0" y="3940386"/>
                  <a:pt x="0" y="3886840"/>
                </a:cubicBezTo>
                <a:lnTo>
                  <a:pt x="0" y="129290"/>
                </a:lnTo>
                <a:cubicBezTo>
                  <a:pt x="0" y="57895"/>
                  <a:pt x="57919" y="0"/>
                  <a:pt x="129344" y="0"/>
                </a:cubicBezTo>
                <a:close/>
              </a:path>
            </a:pathLst>
          </a:custGeom>
          <a:noFill/>
        </p:spPr>
        <p:txBody>
          <a:bodyPr wrap="square" anchor="ctr">
            <a:noAutofit/>
          </a:bodyPr>
          <a:lstStyle>
            <a:lvl1pPr marL="0" indent="0" algn="ctr">
              <a:buFontTx/>
              <a:buNone/>
              <a:defRPr sz="1600"/>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9" name="Plassholder for bilde 8">
            <a:extLst>
              <a:ext uri="{FF2B5EF4-FFF2-40B4-BE49-F238E27FC236}">
                <a16:creationId xmlns:a16="http://schemas.microsoft.com/office/drawing/2014/main" id="{6E8707E7-381C-88D3-859E-F88B4AFFC347}"/>
              </a:ext>
            </a:extLst>
          </p:cNvPr>
          <p:cNvSpPr>
            <a:spLocks noGrp="1"/>
          </p:cNvSpPr>
          <p:nvPr>
            <p:ph type="pic" sz="quarter" idx="26" hasCustomPrompt="1"/>
          </p:nvPr>
        </p:nvSpPr>
        <p:spPr>
          <a:xfrm>
            <a:off x="5114999" y="2915822"/>
            <a:ext cx="1962190" cy="2615151"/>
          </a:xfrm>
          <a:custGeom>
            <a:avLst/>
            <a:gdLst>
              <a:gd name="connsiteX0" fmla="*/ 129325 w 3012910"/>
              <a:gd name="connsiteY0" fmla="*/ 0 h 4015521"/>
              <a:gd name="connsiteX1" fmla="*/ 2883585 w 3012910"/>
              <a:gd name="connsiteY1" fmla="*/ 0 h 4015521"/>
              <a:gd name="connsiteX2" fmla="*/ 3012910 w 3012910"/>
              <a:gd name="connsiteY2" fmla="*/ 129270 h 4015521"/>
              <a:gd name="connsiteX3" fmla="*/ 3012910 w 3012910"/>
              <a:gd name="connsiteY3" fmla="*/ 3886251 h 4015521"/>
              <a:gd name="connsiteX4" fmla="*/ 2883585 w 3012910"/>
              <a:gd name="connsiteY4" fmla="*/ 4015521 h 4015521"/>
              <a:gd name="connsiteX5" fmla="*/ 129325 w 3012910"/>
              <a:gd name="connsiteY5" fmla="*/ 4015521 h 4015521"/>
              <a:gd name="connsiteX6" fmla="*/ 0 w 3012910"/>
              <a:gd name="connsiteY6" fmla="*/ 3886251 h 4015521"/>
              <a:gd name="connsiteX7" fmla="*/ 0 w 3012910"/>
              <a:gd name="connsiteY7" fmla="*/ 129270 h 4015521"/>
              <a:gd name="connsiteX8" fmla="*/ 129325 w 3012910"/>
              <a:gd name="connsiteY8" fmla="*/ 0 h 40155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012910" h="4015521">
                <a:moveTo>
                  <a:pt x="129325" y="0"/>
                </a:moveTo>
                <a:lnTo>
                  <a:pt x="2883585" y="0"/>
                </a:lnTo>
                <a:cubicBezTo>
                  <a:pt x="2955009" y="0"/>
                  <a:pt x="3012910" y="57876"/>
                  <a:pt x="3012910" y="129270"/>
                </a:cubicBezTo>
                <a:lnTo>
                  <a:pt x="3012910" y="3886251"/>
                </a:lnTo>
                <a:cubicBezTo>
                  <a:pt x="3012910" y="3957645"/>
                  <a:pt x="2955009" y="4015521"/>
                  <a:pt x="2883585" y="4015521"/>
                </a:cubicBezTo>
                <a:lnTo>
                  <a:pt x="129325" y="4015521"/>
                </a:lnTo>
                <a:cubicBezTo>
                  <a:pt x="57901" y="4015521"/>
                  <a:pt x="0" y="3957645"/>
                  <a:pt x="0" y="3886251"/>
                </a:cubicBezTo>
                <a:lnTo>
                  <a:pt x="0" y="129270"/>
                </a:lnTo>
                <a:cubicBezTo>
                  <a:pt x="0" y="57876"/>
                  <a:pt x="57901" y="0"/>
                  <a:pt x="129325" y="0"/>
                </a:cubicBezTo>
                <a:close/>
              </a:path>
            </a:pathLst>
          </a:custGeom>
          <a:noFill/>
        </p:spPr>
        <p:txBody>
          <a:bodyPr wrap="square" anchor="ctr">
            <a:noAutofit/>
          </a:bodyPr>
          <a:lstStyle>
            <a:lvl1pPr marL="0" indent="0" algn="ctr">
              <a:buNone/>
              <a:defRPr sz="1600"/>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11" name="Plassholder for bilde 10">
            <a:extLst>
              <a:ext uri="{FF2B5EF4-FFF2-40B4-BE49-F238E27FC236}">
                <a16:creationId xmlns:a16="http://schemas.microsoft.com/office/drawing/2014/main" id="{EF4B6C40-4474-E48D-2DDB-B55CC37CD55E}"/>
              </a:ext>
            </a:extLst>
          </p:cNvPr>
          <p:cNvSpPr>
            <a:spLocks noGrp="1"/>
          </p:cNvSpPr>
          <p:nvPr>
            <p:ph type="pic" sz="quarter" idx="32" hasCustomPrompt="1"/>
          </p:nvPr>
        </p:nvSpPr>
        <p:spPr>
          <a:xfrm>
            <a:off x="7252949" y="2915867"/>
            <a:ext cx="1962000" cy="2614832"/>
          </a:xfrm>
          <a:custGeom>
            <a:avLst/>
            <a:gdLst>
              <a:gd name="connsiteX0" fmla="*/ 557934 w 2487309"/>
              <a:gd name="connsiteY0" fmla="*/ 0 h 3314932"/>
              <a:gd name="connsiteX1" fmla="*/ 2380693 w 2487309"/>
              <a:gd name="connsiteY1" fmla="*/ 0 h 3314932"/>
              <a:gd name="connsiteX2" fmla="*/ 2479072 w 2487309"/>
              <a:gd name="connsiteY2" fmla="*/ 65187 h 3314932"/>
              <a:gd name="connsiteX3" fmla="*/ 2487309 w 2487309"/>
              <a:gd name="connsiteY3" fmla="*/ 105959 h 3314932"/>
              <a:gd name="connsiteX4" fmla="*/ 2487309 w 2487309"/>
              <a:gd name="connsiteY4" fmla="*/ 800379 h 3314932"/>
              <a:gd name="connsiteX5" fmla="*/ 2483594 w 2487309"/>
              <a:gd name="connsiteY5" fmla="*/ 827733 h 3314932"/>
              <a:gd name="connsiteX6" fmla="*/ 2472247 w 2487309"/>
              <a:gd name="connsiteY6" fmla="*/ 854157 h 3314932"/>
              <a:gd name="connsiteX7" fmla="*/ 2086999 w 2487309"/>
              <a:gd name="connsiteY7" fmla="*/ 1495992 h 3314932"/>
              <a:gd name="connsiteX8" fmla="*/ 2178552 w 2487309"/>
              <a:gd name="connsiteY8" fmla="*/ 1657636 h 3314932"/>
              <a:gd name="connsiteX9" fmla="*/ 2380693 w 2487309"/>
              <a:gd name="connsiteY9" fmla="*/ 1657636 h 3314932"/>
              <a:gd name="connsiteX10" fmla="*/ 2479072 w 2487309"/>
              <a:gd name="connsiteY10" fmla="*/ 1722823 h 3314932"/>
              <a:gd name="connsiteX11" fmla="*/ 2487309 w 2487309"/>
              <a:gd name="connsiteY11" fmla="*/ 1763595 h 3314932"/>
              <a:gd name="connsiteX12" fmla="*/ 2487309 w 2487309"/>
              <a:gd name="connsiteY12" fmla="*/ 2458015 h 3314932"/>
              <a:gd name="connsiteX13" fmla="*/ 2483594 w 2487309"/>
              <a:gd name="connsiteY13" fmla="*/ 2485369 h 3314932"/>
              <a:gd name="connsiteX14" fmla="*/ 2472247 w 2487309"/>
              <a:gd name="connsiteY14" fmla="*/ 2511793 h 3314932"/>
              <a:gd name="connsiteX15" fmla="*/ 2021083 w 2487309"/>
              <a:gd name="connsiteY15" fmla="*/ 3263441 h 3314932"/>
              <a:gd name="connsiteX16" fmla="*/ 1982143 w 2487309"/>
              <a:gd name="connsiteY16" fmla="*/ 3301402 h 3314932"/>
              <a:gd name="connsiteX17" fmla="*/ 1930726 w 2487309"/>
              <a:gd name="connsiteY17" fmla="*/ 3314932 h 3314932"/>
              <a:gd name="connsiteX18" fmla="*/ 105334 w 2487309"/>
              <a:gd name="connsiteY18" fmla="*/ 3314932 h 3314932"/>
              <a:gd name="connsiteX19" fmla="*/ 65214 w 2487309"/>
              <a:gd name="connsiteY19" fmla="*/ 3306834 h 3314932"/>
              <a:gd name="connsiteX20" fmla="*/ 0 w 2487309"/>
              <a:gd name="connsiteY20" fmla="*/ 3208497 h 3314932"/>
              <a:gd name="connsiteX21" fmla="*/ 0 w 2487309"/>
              <a:gd name="connsiteY21" fmla="*/ 858373 h 3314932"/>
              <a:gd name="connsiteX22" fmla="*/ 15217 w 2487309"/>
              <a:gd name="connsiteY22" fmla="*/ 803454 h 3314932"/>
              <a:gd name="connsiteX23" fmla="*/ 466381 w 2487309"/>
              <a:gd name="connsiteY23" fmla="*/ 51807 h 3314932"/>
              <a:gd name="connsiteX24" fmla="*/ 557934 w 2487309"/>
              <a:gd name="connsiteY24" fmla="*/ 0 h 3314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487309" h="3314932">
                <a:moveTo>
                  <a:pt x="557934" y="0"/>
                </a:moveTo>
                <a:lnTo>
                  <a:pt x="2380693" y="0"/>
                </a:lnTo>
                <a:cubicBezTo>
                  <a:pt x="2424913" y="0"/>
                  <a:pt x="2462862" y="26883"/>
                  <a:pt x="2479072" y="65187"/>
                </a:cubicBezTo>
                <a:lnTo>
                  <a:pt x="2487309" y="105959"/>
                </a:lnTo>
                <a:lnTo>
                  <a:pt x="2487309" y="800379"/>
                </a:lnTo>
                <a:lnTo>
                  <a:pt x="2483594" y="827733"/>
                </a:lnTo>
                <a:cubicBezTo>
                  <a:pt x="2481036" y="836969"/>
                  <a:pt x="2477231" y="845861"/>
                  <a:pt x="2472247" y="854157"/>
                </a:cubicBezTo>
                <a:lnTo>
                  <a:pt x="2086999" y="1495992"/>
                </a:lnTo>
                <a:cubicBezTo>
                  <a:pt x="2044310" y="1567125"/>
                  <a:pt x="2095561" y="1657636"/>
                  <a:pt x="2178552" y="1657636"/>
                </a:cubicBezTo>
                <a:lnTo>
                  <a:pt x="2380693" y="1657636"/>
                </a:lnTo>
                <a:cubicBezTo>
                  <a:pt x="2424913" y="1657636"/>
                  <a:pt x="2462862" y="1684519"/>
                  <a:pt x="2479072" y="1722823"/>
                </a:cubicBezTo>
                <a:lnTo>
                  <a:pt x="2487309" y="1763595"/>
                </a:lnTo>
                <a:lnTo>
                  <a:pt x="2487309" y="2458015"/>
                </a:lnTo>
                <a:lnTo>
                  <a:pt x="2483594" y="2485369"/>
                </a:lnTo>
                <a:cubicBezTo>
                  <a:pt x="2481036" y="2494606"/>
                  <a:pt x="2477231" y="2503498"/>
                  <a:pt x="2472247" y="2511793"/>
                </a:cubicBezTo>
                <a:lnTo>
                  <a:pt x="2021083" y="3263441"/>
                </a:lnTo>
                <a:cubicBezTo>
                  <a:pt x="2011441" y="3279518"/>
                  <a:pt x="1997931" y="3292469"/>
                  <a:pt x="1982143" y="3301402"/>
                </a:cubicBezTo>
                <a:lnTo>
                  <a:pt x="1930726" y="3314932"/>
                </a:lnTo>
                <a:lnTo>
                  <a:pt x="105334" y="3314932"/>
                </a:lnTo>
                <a:lnTo>
                  <a:pt x="65214" y="3306834"/>
                </a:lnTo>
                <a:cubicBezTo>
                  <a:pt x="26894" y="3290631"/>
                  <a:pt x="0" y="3252698"/>
                  <a:pt x="0" y="3208497"/>
                </a:cubicBezTo>
                <a:lnTo>
                  <a:pt x="0" y="858373"/>
                </a:lnTo>
                <a:cubicBezTo>
                  <a:pt x="0" y="839021"/>
                  <a:pt x="5248" y="820046"/>
                  <a:pt x="15217" y="803454"/>
                </a:cubicBezTo>
                <a:lnTo>
                  <a:pt x="466381" y="51807"/>
                </a:lnTo>
                <a:cubicBezTo>
                  <a:pt x="485691" y="19678"/>
                  <a:pt x="520444" y="0"/>
                  <a:pt x="557934" y="0"/>
                </a:cubicBezTo>
                <a:close/>
              </a:path>
            </a:pathLst>
          </a:custGeom>
          <a:noFill/>
        </p:spPr>
        <p:txBody>
          <a:bodyPr wrap="square" anchor="ctr">
            <a:noAutofit/>
          </a:bodyPr>
          <a:lstStyle>
            <a:lvl1pPr marL="0" indent="0" algn="ctr">
              <a:buNone/>
              <a:defRPr sz="1600"/>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19" name="Plassholder for bilde 18">
            <a:extLst>
              <a:ext uri="{FF2B5EF4-FFF2-40B4-BE49-F238E27FC236}">
                <a16:creationId xmlns:a16="http://schemas.microsoft.com/office/drawing/2014/main" id="{22582E08-583E-30E4-3286-AB3F4142FFB1}"/>
              </a:ext>
            </a:extLst>
          </p:cNvPr>
          <p:cNvSpPr>
            <a:spLocks noGrp="1"/>
          </p:cNvSpPr>
          <p:nvPr>
            <p:ph type="pic" sz="quarter" idx="33" hasCustomPrompt="1"/>
          </p:nvPr>
        </p:nvSpPr>
        <p:spPr>
          <a:xfrm>
            <a:off x="9392592" y="2916836"/>
            <a:ext cx="1961208" cy="2613863"/>
          </a:xfrm>
          <a:custGeom>
            <a:avLst/>
            <a:gdLst>
              <a:gd name="connsiteX0" fmla="*/ 439896 w 1961208"/>
              <a:gd name="connsiteY0" fmla="*/ 0 h 2613863"/>
              <a:gd name="connsiteX1" fmla="*/ 1877026 w 1961208"/>
              <a:gd name="connsiteY1" fmla="*/ 0 h 2613863"/>
              <a:gd name="connsiteX2" fmla="*/ 1961208 w 1961208"/>
              <a:gd name="connsiteY2" fmla="*/ 84146 h 2613863"/>
              <a:gd name="connsiteX3" fmla="*/ 1961208 w 1961208"/>
              <a:gd name="connsiteY3" fmla="*/ 1283609 h 2613863"/>
              <a:gd name="connsiteX4" fmla="*/ 1949210 w 1961208"/>
              <a:gd name="connsiteY4" fmla="*/ 1326909 h 2613863"/>
              <a:gd name="connsiteX5" fmla="*/ 1645467 w 1961208"/>
              <a:gd name="connsiteY5" fmla="*/ 1832956 h 2613863"/>
              <a:gd name="connsiteX6" fmla="*/ 1717651 w 1961208"/>
              <a:gd name="connsiteY6" fmla="*/ 1960402 h 2613863"/>
              <a:gd name="connsiteX7" fmla="*/ 1812524 w 1961208"/>
              <a:gd name="connsiteY7" fmla="*/ 1960402 h 2613863"/>
              <a:gd name="connsiteX8" fmla="*/ 1884708 w 1961208"/>
              <a:gd name="connsiteY8" fmla="*/ 2087849 h 2613863"/>
              <a:gd name="connsiteX9" fmla="*/ 1593477 w 1961208"/>
              <a:gd name="connsiteY9" fmla="*/ 2573017 h 2613863"/>
              <a:gd name="connsiteX10" fmla="*/ 1521293 w 1961208"/>
              <a:gd name="connsiteY10" fmla="*/ 2613863 h 2613863"/>
              <a:gd name="connsiteX11" fmla="*/ 84182 w 1961208"/>
              <a:gd name="connsiteY11" fmla="*/ 2613863 h 2613863"/>
              <a:gd name="connsiteX12" fmla="*/ 0 w 1961208"/>
              <a:gd name="connsiteY12" fmla="*/ 2529717 h 2613863"/>
              <a:gd name="connsiteX13" fmla="*/ 0 w 1961208"/>
              <a:gd name="connsiteY13" fmla="*/ 676773 h 2613863"/>
              <a:gd name="connsiteX14" fmla="*/ 11998 w 1961208"/>
              <a:gd name="connsiteY14" fmla="*/ 633473 h 2613863"/>
              <a:gd name="connsiteX15" fmla="*/ 367712 w 1961208"/>
              <a:gd name="connsiteY15" fmla="*/ 40846 h 2613863"/>
              <a:gd name="connsiteX16" fmla="*/ 439896 w 1961208"/>
              <a:gd name="connsiteY16" fmla="*/ 0 h 26138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961208" h="2613863">
                <a:moveTo>
                  <a:pt x="439896" y="0"/>
                </a:moveTo>
                <a:lnTo>
                  <a:pt x="1877026" y="0"/>
                </a:lnTo>
                <a:cubicBezTo>
                  <a:pt x="1923512" y="0"/>
                  <a:pt x="1961208" y="37680"/>
                  <a:pt x="1961208" y="84146"/>
                </a:cubicBezTo>
                <a:lnTo>
                  <a:pt x="1961208" y="1283609"/>
                </a:lnTo>
                <a:cubicBezTo>
                  <a:pt x="1961208" y="1298867"/>
                  <a:pt x="1957070" y="1313828"/>
                  <a:pt x="1949210" y="1326909"/>
                </a:cubicBezTo>
                <a:lnTo>
                  <a:pt x="1645467" y="1832956"/>
                </a:lnTo>
                <a:cubicBezTo>
                  <a:pt x="1611810" y="1889040"/>
                  <a:pt x="1652218" y="1960402"/>
                  <a:pt x="1717651" y="1960402"/>
                </a:cubicBezTo>
                <a:lnTo>
                  <a:pt x="1812524" y="1960402"/>
                </a:lnTo>
                <a:cubicBezTo>
                  <a:pt x="1877957" y="1960402"/>
                  <a:pt x="1918365" y="2031765"/>
                  <a:pt x="1884708" y="2087849"/>
                </a:cubicBezTo>
                <a:lnTo>
                  <a:pt x="1593477" y="2573017"/>
                </a:lnTo>
                <a:cubicBezTo>
                  <a:pt x="1578272" y="2598368"/>
                  <a:pt x="1550871" y="2613863"/>
                  <a:pt x="1521293" y="2613863"/>
                </a:cubicBezTo>
                <a:lnTo>
                  <a:pt x="84182" y="2613863"/>
                </a:lnTo>
                <a:cubicBezTo>
                  <a:pt x="37696" y="2613863"/>
                  <a:pt x="0" y="2576183"/>
                  <a:pt x="0" y="2529717"/>
                </a:cubicBezTo>
                <a:lnTo>
                  <a:pt x="0" y="676773"/>
                </a:lnTo>
                <a:cubicBezTo>
                  <a:pt x="0" y="661515"/>
                  <a:pt x="4138" y="646554"/>
                  <a:pt x="11998" y="633473"/>
                </a:cubicBezTo>
                <a:lnTo>
                  <a:pt x="367712" y="40846"/>
                </a:lnTo>
                <a:cubicBezTo>
                  <a:pt x="382936" y="15515"/>
                  <a:pt x="410337" y="0"/>
                  <a:pt x="439896" y="0"/>
                </a:cubicBezTo>
                <a:close/>
              </a:path>
            </a:pathLst>
          </a:custGeom>
          <a:noFill/>
        </p:spPr>
        <p:txBody>
          <a:bodyPr wrap="square" anchor="ctr">
            <a:noAutofit/>
          </a:bodyPr>
          <a:lstStyle>
            <a:lvl1pPr marL="0" indent="0" algn="ctr">
              <a:buNone/>
              <a:defRPr sz="1600"/>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Tree>
    <p:extLst>
      <p:ext uri="{BB962C8B-B14F-4D97-AF65-F5344CB8AC3E}">
        <p14:creationId xmlns:p14="http://schemas.microsoft.com/office/powerpoint/2010/main" val="363802561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Forside 1">
    <p:spTree>
      <p:nvGrpSpPr>
        <p:cNvPr id="1" name=""/>
        <p:cNvGrpSpPr/>
        <p:nvPr/>
      </p:nvGrpSpPr>
      <p:grpSpPr>
        <a:xfrm>
          <a:off x="0" y="0"/>
          <a:ext cx="0" cy="0"/>
          <a:chOff x="0" y="0"/>
          <a:chExt cx="0" cy="0"/>
        </a:xfrm>
      </p:grpSpPr>
      <p:sp>
        <p:nvSpPr>
          <p:cNvPr id="6" name="Plassholder for bilde 5">
            <a:extLst>
              <a:ext uri="{FF2B5EF4-FFF2-40B4-BE49-F238E27FC236}">
                <a16:creationId xmlns:a16="http://schemas.microsoft.com/office/drawing/2014/main" id="{8F3FE7BC-CCDA-25E1-31CE-556CF7587174}"/>
              </a:ext>
            </a:extLst>
          </p:cNvPr>
          <p:cNvSpPr>
            <a:spLocks noGrp="1"/>
          </p:cNvSpPr>
          <p:nvPr>
            <p:ph type="pic" sz="quarter" idx="10" hasCustomPrompt="1"/>
          </p:nvPr>
        </p:nvSpPr>
        <p:spPr>
          <a:xfrm>
            <a:off x="839124" y="819196"/>
            <a:ext cx="10512596" cy="5221779"/>
          </a:xfrm>
          <a:custGeom>
            <a:avLst/>
            <a:gdLst>
              <a:gd name="connsiteX0" fmla="*/ 1170935 w 10511434"/>
              <a:gd name="connsiteY0" fmla="*/ 0 h 5219602"/>
              <a:gd name="connsiteX1" fmla="*/ 10287355 w 10511434"/>
              <a:gd name="connsiteY1" fmla="*/ 0 h 5219602"/>
              <a:gd name="connsiteX2" fmla="*/ 10511434 w 10511434"/>
              <a:gd name="connsiteY2" fmla="*/ 224041 h 5219602"/>
              <a:gd name="connsiteX3" fmla="*/ 10511434 w 10511434"/>
              <a:gd name="connsiteY3" fmla="*/ 4995561 h 5219602"/>
              <a:gd name="connsiteX4" fmla="*/ 10287355 w 10511434"/>
              <a:gd name="connsiteY4" fmla="*/ 5219602 h 5219602"/>
              <a:gd name="connsiteX5" fmla="*/ 8647340 w 10511434"/>
              <a:gd name="connsiteY5" fmla="*/ 5219602 h 5219602"/>
              <a:gd name="connsiteX6" fmla="*/ 8423260 w 10511434"/>
              <a:gd name="connsiteY6" fmla="*/ 4995561 h 5219602"/>
              <a:gd name="connsiteX7" fmla="*/ 8423260 w 10511434"/>
              <a:gd name="connsiteY7" fmla="*/ 4288609 h 5219602"/>
              <a:gd name="connsiteX8" fmla="*/ 8007038 w 10511434"/>
              <a:gd name="connsiteY8" fmla="*/ 4173321 h 5219602"/>
              <a:gd name="connsiteX9" fmla="*/ 7444469 w 10511434"/>
              <a:gd name="connsiteY9" fmla="*/ 5110796 h 5219602"/>
              <a:gd name="connsiteX10" fmla="*/ 7252326 w 10511434"/>
              <a:gd name="connsiteY10" fmla="*/ 5219549 h 5219602"/>
              <a:gd name="connsiteX11" fmla="*/ 224079 w 10511434"/>
              <a:gd name="connsiteY11" fmla="*/ 5219549 h 5219602"/>
              <a:gd name="connsiteX12" fmla="*/ 0 w 10511434"/>
              <a:gd name="connsiteY12" fmla="*/ 4995508 h 5219602"/>
              <a:gd name="connsiteX13" fmla="*/ 0 w 10511434"/>
              <a:gd name="connsiteY13" fmla="*/ 1801920 h 5219602"/>
              <a:gd name="connsiteX14" fmla="*/ 31936 w 10511434"/>
              <a:gd name="connsiteY14" fmla="*/ 1686632 h 5219602"/>
              <a:gd name="connsiteX15" fmla="*/ 978792 w 10511434"/>
              <a:gd name="connsiteY15" fmla="*/ 108754 h 5219602"/>
              <a:gd name="connsiteX16" fmla="*/ 1170935 w 10511434"/>
              <a:gd name="connsiteY16" fmla="*/ 0 h 5219602"/>
              <a:gd name="connsiteX0" fmla="*/ 1170935 w 10511434"/>
              <a:gd name="connsiteY0" fmla="*/ 0 h 5219602"/>
              <a:gd name="connsiteX1" fmla="*/ 10287355 w 10511434"/>
              <a:gd name="connsiteY1" fmla="*/ 0 h 5219602"/>
              <a:gd name="connsiteX2" fmla="*/ 10511434 w 10511434"/>
              <a:gd name="connsiteY2" fmla="*/ 224041 h 5219602"/>
              <a:gd name="connsiteX3" fmla="*/ 10511434 w 10511434"/>
              <a:gd name="connsiteY3" fmla="*/ 4995561 h 5219602"/>
              <a:gd name="connsiteX4" fmla="*/ 10287355 w 10511434"/>
              <a:gd name="connsiteY4" fmla="*/ 5219602 h 5219602"/>
              <a:gd name="connsiteX5" fmla="*/ 8647340 w 10511434"/>
              <a:gd name="connsiteY5" fmla="*/ 5219602 h 5219602"/>
              <a:gd name="connsiteX6" fmla="*/ 8423260 w 10511434"/>
              <a:gd name="connsiteY6" fmla="*/ 4995561 h 5219602"/>
              <a:gd name="connsiteX7" fmla="*/ 8423260 w 10511434"/>
              <a:gd name="connsiteY7" fmla="*/ 4288609 h 5219602"/>
              <a:gd name="connsiteX8" fmla="*/ 8007038 w 10511434"/>
              <a:gd name="connsiteY8" fmla="*/ 4173321 h 5219602"/>
              <a:gd name="connsiteX9" fmla="*/ 7444469 w 10511434"/>
              <a:gd name="connsiteY9" fmla="*/ 5110796 h 5219602"/>
              <a:gd name="connsiteX10" fmla="*/ 7252326 w 10511434"/>
              <a:gd name="connsiteY10" fmla="*/ 5219549 h 5219602"/>
              <a:gd name="connsiteX11" fmla="*/ 224079 w 10511434"/>
              <a:gd name="connsiteY11" fmla="*/ 5219549 h 5219602"/>
              <a:gd name="connsiteX12" fmla="*/ 0 w 10511434"/>
              <a:gd name="connsiteY12" fmla="*/ 4995508 h 5219602"/>
              <a:gd name="connsiteX13" fmla="*/ 6179 w 10511434"/>
              <a:gd name="connsiteY13" fmla="*/ 3043774 h 5219602"/>
              <a:gd name="connsiteX14" fmla="*/ 31936 w 10511434"/>
              <a:gd name="connsiteY14" fmla="*/ 1686632 h 5219602"/>
              <a:gd name="connsiteX15" fmla="*/ 978792 w 10511434"/>
              <a:gd name="connsiteY15" fmla="*/ 108754 h 5219602"/>
              <a:gd name="connsiteX16" fmla="*/ 1170935 w 10511434"/>
              <a:gd name="connsiteY16" fmla="*/ 0 h 5219602"/>
              <a:gd name="connsiteX0" fmla="*/ 1170935 w 10511434"/>
              <a:gd name="connsiteY0" fmla="*/ 0 h 5219602"/>
              <a:gd name="connsiteX1" fmla="*/ 4615225 w 10511434"/>
              <a:gd name="connsiteY1" fmla="*/ 2525 h 5219602"/>
              <a:gd name="connsiteX2" fmla="*/ 10287355 w 10511434"/>
              <a:gd name="connsiteY2" fmla="*/ 0 h 5219602"/>
              <a:gd name="connsiteX3" fmla="*/ 10511434 w 10511434"/>
              <a:gd name="connsiteY3" fmla="*/ 224041 h 5219602"/>
              <a:gd name="connsiteX4" fmla="*/ 10511434 w 10511434"/>
              <a:gd name="connsiteY4" fmla="*/ 4995561 h 5219602"/>
              <a:gd name="connsiteX5" fmla="*/ 10287355 w 10511434"/>
              <a:gd name="connsiteY5" fmla="*/ 5219602 h 5219602"/>
              <a:gd name="connsiteX6" fmla="*/ 8647340 w 10511434"/>
              <a:gd name="connsiteY6" fmla="*/ 5219602 h 5219602"/>
              <a:gd name="connsiteX7" fmla="*/ 8423260 w 10511434"/>
              <a:gd name="connsiteY7" fmla="*/ 4995561 h 5219602"/>
              <a:gd name="connsiteX8" fmla="*/ 8423260 w 10511434"/>
              <a:gd name="connsiteY8" fmla="*/ 4288609 h 5219602"/>
              <a:gd name="connsiteX9" fmla="*/ 8007038 w 10511434"/>
              <a:gd name="connsiteY9" fmla="*/ 4173321 h 5219602"/>
              <a:gd name="connsiteX10" fmla="*/ 7444469 w 10511434"/>
              <a:gd name="connsiteY10" fmla="*/ 5110796 h 5219602"/>
              <a:gd name="connsiteX11" fmla="*/ 7252326 w 10511434"/>
              <a:gd name="connsiteY11" fmla="*/ 5219549 h 5219602"/>
              <a:gd name="connsiteX12" fmla="*/ 224079 w 10511434"/>
              <a:gd name="connsiteY12" fmla="*/ 5219549 h 5219602"/>
              <a:gd name="connsiteX13" fmla="*/ 0 w 10511434"/>
              <a:gd name="connsiteY13" fmla="*/ 4995508 h 5219602"/>
              <a:gd name="connsiteX14" fmla="*/ 6179 w 10511434"/>
              <a:gd name="connsiteY14" fmla="*/ 3043774 h 5219602"/>
              <a:gd name="connsiteX15" fmla="*/ 31936 w 10511434"/>
              <a:gd name="connsiteY15" fmla="*/ 1686632 h 5219602"/>
              <a:gd name="connsiteX16" fmla="*/ 978792 w 10511434"/>
              <a:gd name="connsiteY16" fmla="*/ 108754 h 5219602"/>
              <a:gd name="connsiteX17" fmla="*/ 1170935 w 10511434"/>
              <a:gd name="connsiteY17" fmla="*/ 0 h 5219602"/>
              <a:gd name="connsiteX0" fmla="*/ 1170935 w 10511434"/>
              <a:gd name="connsiteY0" fmla="*/ 3653 h 5223255"/>
              <a:gd name="connsiteX1" fmla="*/ 6542880 w 10511434"/>
              <a:gd name="connsiteY1" fmla="*/ 0 h 5223255"/>
              <a:gd name="connsiteX2" fmla="*/ 10287355 w 10511434"/>
              <a:gd name="connsiteY2" fmla="*/ 3653 h 5223255"/>
              <a:gd name="connsiteX3" fmla="*/ 10511434 w 10511434"/>
              <a:gd name="connsiteY3" fmla="*/ 227694 h 5223255"/>
              <a:gd name="connsiteX4" fmla="*/ 10511434 w 10511434"/>
              <a:gd name="connsiteY4" fmla="*/ 4999214 h 5223255"/>
              <a:gd name="connsiteX5" fmla="*/ 10287355 w 10511434"/>
              <a:gd name="connsiteY5" fmla="*/ 5223255 h 5223255"/>
              <a:gd name="connsiteX6" fmla="*/ 8647340 w 10511434"/>
              <a:gd name="connsiteY6" fmla="*/ 5223255 h 5223255"/>
              <a:gd name="connsiteX7" fmla="*/ 8423260 w 10511434"/>
              <a:gd name="connsiteY7" fmla="*/ 4999214 h 5223255"/>
              <a:gd name="connsiteX8" fmla="*/ 8423260 w 10511434"/>
              <a:gd name="connsiteY8" fmla="*/ 4292262 h 5223255"/>
              <a:gd name="connsiteX9" fmla="*/ 8007038 w 10511434"/>
              <a:gd name="connsiteY9" fmla="*/ 4176974 h 5223255"/>
              <a:gd name="connsiteX10" fmla="*/ 7444469 w 10511434"/>
              <a:gd name="connsiteY10" fmla="*/ 5114449 h 5223255"/>
              <a:gd name="connsiteX11" fmla="*/ 7252326 w 10511434"/>
              <a:gd name="connsiteY11" fmla="*/ 5223202 h 5223255"/>
              <a:gd name="connsiteX12" fmla="*/ 224079 w 10511434"/>
              <a:gd name="connsiteY12" fmla="*/ 5223202 h 5223255"/>
              <a:gd name="connsiteX13" fmla="*/ 0 w 10511434"/>
              <a:gd name="connsiteY13" fmla="*/ 4999161 h 5223255"/>
              <a:gd name="connsiteX14" fmla="*/ 6179 w 10511434"/>
              <a:gd name="connsiteY14" fmla="*/ 3047427 h 5223255"/>
              <a:gd name="connsiteX15" fmla="*/ 31936 w 10511434"/>
              <a:gd name="connsiteY15" fmla="*/ 1690285 h 5223255"/>
              <a:gd name="connsiteX16" fmla="*/ 978792 w 10511434"/>
              <a:gd name="connsiteY16" fmla="*/ 112407 h 5223255"/>
              <a:gd name="connsiteX17" fmla="*/ 1170935 w 10511434"/>
              <a:gd name="connsiteY17" fmla="*/ 3653 h 5223255"/>
              <a:gd name="connsiteX0" fmla="*/ 1170935 w 10511434"/>
              <a:gd name="connsiteY0" fmla="*/ 3653 h 5223255"/>
              <a:gd name="connsiteX1" fmla="*/ 5653193 w 10511434"/>
              <a:gd name="connsiteY1" fmla="*/ 617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6179 w 10511434"/>
              <a:gd name="connsiteY15" fmla="*/ 3047427 h 5223255"/>
              <a:gd name="connsiteX16" fmla="*/ 31936 w 10511434"/>
              <a:gd name="connsiteY16" fmla="*/ 1690285 h 5223255"/>
              <a:gd name="connsiteX17" fmla="*/ 978792 w 10511434"/>
              <a:gd name="connsiteY17" fmla="*/ 112407 h 5223255"/>
              <a:gd name="connsiteX18" fmla="*/ 1170935 w 10511434"/>
              <a:gd name="connsiteY18" fmla="*/ 3653 h 5223255"/>
              <a:gd name="connsiteX0" fmla="*/ 1170935 w 10511434"/>
              <a:gd name="connsiteY0" fmla="*/ 3653 h 5223255"/>
              <a:gd name="connsiteX1" fmla="*/ 5529626 w 10511434"/>
              <a:gd name="connsiteY1" fmla="*/ 149516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6179 w 10511434"/>
              <a:gd name="connsiteY15" fmla="*/ 3047427 h 5223255"/>
              <a:gd name="connsiteX16" fmla="*/ 31936 w 10511434"/>
              <a:gd name="connsiteY16" fmla="*/ 1690285 h 5223255"/>
              <a:gd name="connsiteX17" fmla="*/ 978792 w 10511434"/>
              <a:gd name="connsiteY17" fmla="*/ 112407 h 5223255"/>
              <a:gd name="connsiteX18" fmla="*/ 1170935 w 10511434"/>
              <a:gd name="connsiteY18" fmla="*/ 3653 h 5223255"/>
              <a:gd name="connsiteX0" fmla="*/ 1214184 w 10511434"/>
              <a:gd name="connsiteY0" fmla="*/ 1480285 h 5223255"/>
              <a:gd name="connsiteX1" fmla="*/ 5529626 w 10511434"/>
              <a:gd name="connsiteY1" fmla="*/ 149516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6179 w 10511434"/>
              <a:gd name="connsiteY15" fmla="*/ 3047427 h 5223255"/>
              <a:gd name="connsiteX16" fmla="*/ 31936 w 10511434"/>
              <a:gd name="connsiteY16" fmla="*/ 1690285 h 5223255"/>
              <a:gd name="connsiteX17" fmla="*/ 978792 w 10511434"/>
              <a:gd name="connsiteY17" fmla="*/ 112407 h 5223255"/>
              <a:gd name="connsiteX18" fmla="*/ 1214184 w 10511434"/>
              <a:gd name="connsiteY18" fmla="*/ 1480285 h 5223255"/>
              <a:gd name="connsiteX0" fmla="*/ 1214184 w 10511434"/>
              <a:gd name="connsiteY0" fmla="*/ 1480285 h 5223255"/>
              <a:gd name="connsiteX1" fmla="*/ 5529626 w 10511434"/>
              <a:gd name="connsiteY1" fmla="*/ 149516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6179 w 10511434"/>
              <a:gd name="connsiteY15" fmla="*/ 3047427 h 5223255"/>
              <a:gd name="connsiteX16" fmla="*/ 31936 w 10511434"/>
              <a:gd name="connsiteY16" fmla="*/ 1690285 h 5223255"/>
              <a:gd name="connsiteX17" fmla="*/ 1046754 w 10511434"/>
              <a:gd name="connsiteY17" fmla="*/ 1644645 h 5223255"/>
              <a:gd name="connsiteX18" fmla="*/ 1214184 w 10511434"/>
              <a:gd name="connsiteY18" fmla="*/ 1480285 h 5223255"/>
              <a:gd name="connsiteX0" fmla="*/ 1214184 w 10511434"/>
              <a:gd name="connsiteY0" fmla="*/ 1480285 h 5223255"/>
              <a:gd name="connsiteX1" fmla="*/ 5529626 w 10511434"/>
              <a:gd name="connsiteY1" fmla="*/ 149516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1 w 10511434"/>
              <a:gd name="connsiteY15" fmla="*/ 3745583 h 5223255"/>
              <a:gd name="connsiteX16" fmla="*/ 31936 w 10511434"/>
              <a:gd name="connsiteY16" fmla="*/ 1690285 h 5223255"/>
              <a:gd name="connsiteX17" fmla="*/ 1046754 w 10511434"/>
              <a:gd name="connsiteY17" fmla="*/ 1644645 h 5223255"/>
              <a:gd name="connsiteX18" fmla="*/ 1214184 w 10511434"/>
              <a:gd name="connsiteY18" fmla="*/ 1480285 h 5223255"/>
              <a:gd name="connsiteX0" fmla="*/ 1214184 w 10511434"/>
              <a:gd name="connsiteY0" fmla="*/ 1480285 h 5223255"/>
              <a:gd name="connsiteX1" fmla="*/ 5529626 w 10511434"/>
              <a:gd name="connsiteY1" fmla="*/ 149516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1 w 10511434"/>
              <a:gd name="connsiteY15" fmla="*/ 3745583 h 5223255"/>
              <a:gd name="connsiteX16" fmla="*/ 38115 w 10511434"/>
              <a:gd name="connsiteY16" fmla="*/ 3605582 h 5223255"/>
              <a:gd name="connsiteX17" fmla="*/ 1046754 w 10511434"/>
              <a:gd name="connsiteY17" fmla="*/ 1644645 h 5223255"/>
              <a:gd name="connsiteX18" fmla="*/ 1214184 w 10511434"/>
              <a:gd name="connsiteY18" fmla="*/ 1480285 h 5223255"/>
              <a:gd name="connsiteX0" fmla="*/ 1214184 w 10511434"/>
              <a:gd name="connsiteY0" fmla="*/ 1480285 h 5223255"/>
              <a:gd name="connsiteX1" fmla="*/ 5399880 w 10511434"/>
              <a:gd name="connsiteY1" fmla="*/ 1501348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1 w 10511434"/>
              <a:gd name="connsiteY15" fmla="*/ 3745583 h 5223255"/>
              <a:gd name="connsiteX16" fmla="*/ 38115 w 10511434"/>
              <a:gd name="connsiteY16" fmla="*/ 3605582 h 5223255"/>
              <a:gd name="connsiteX17" fmla="*/ 1046754 w 10511434"/>
              <a:gd name="connsiteY17" fmla="*/ 1644645 h 5223255"/>
              <a:gd name="connsiteX18" fmla="*/ 1214184 w 10511434"/>
              <a:gd name="connsiteY18" fmla="*/ 1480285 h 5223255"/>
              <a:gd name="connsiteX0" fmla="*/ 1214184 w 10511434"/>
              <a:gd name="connsiteY0" fmla="*/ 1480285 h 5223255"/>
              <a:gd name="connsiteX1" fmla="*/ 5399880 w 10511434"/>
              <a:gd name="connsiteY1" fmla="*/ 1501348 h 5223255"/>
              <a:gd name="connsiteX2" fmla="*/ 5653193 w 10511434"/>
              <a:gd name="connsiteY2" fmla="*/ 1161536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399880 w 10511434"/>
              <a:gd name="connsiteY1" fmla="*/ 1501348 h 5223255"/>
              <a:gd name="connsiteX2" fmla="*/ 5603766 w 10511434"/>
              <a:gd name="connsiteY2" fmla="*/ 1402493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399880 w 10511434"/>
              <a:gd name="connsiteY1" fmla="*/ 1501348 h 5223255"/>
              <a:gd name="connsiteX2" fmla="*/ 5603766 w 10511434"/>
              <a:gd name="connsiteY2" fmla="*/ 1402493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399880 w 10511434"/>
              <a:gd name="connsiteY1" fmla="*/ 1501348 h 5223255"/>
              <a:gd name="connsiteX2" fmla="*/ 5603766 w 10511434"/>
              <a:gd name="connsiteY2" fmla="*/ 1402493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03766 w 10511434"/>
              <a:gd name="connsiteY2" fmla="*/ 1402493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84085 w 10511434"/>
              <a:gd name="connsiteY2" fmla="*/ 1340709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84085 w 10511434"/>
              <a:gd name="connsiteY2" fmla="*/ 1340709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84085 w 10511434"/>
              <a:gd name="connsiteY2" fmla="*/ 1340709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51105 w 10511434"/>
              <a:gd name="connsiteY3" fmla="*/ 134574 h 5223255"/>
              <a:gd name="connsiteX4" fmla="*/ 6542880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51105 w 10511434"/>
              <a:gd name="connsiteY3" fmla="*/ 134574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524027 w 10511434"/>
              <a:gd name="connsiteY1" fmla="*/ 1501348 h 5223255"/>
              <a:gd name="connsiteX2" fmla="*/ 5665035 w 10511434"/>
              <a:gd name="connsiteY2" fmla="*/ 1393097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1803 w 10511434"/>
              <a:gd name="connsiteY0" fmla="*/ 1494573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1803 w 10511434"/>
              <a:gd name="connsiteY20" fmla="*/ 1494573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384573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384573 w 10511434"/>
              <a:gd name="connsiteY20" fmla="*/ 1501716 h 5223255"/>
              <a:gd name="connsiteX0" fmla="*/ 1384573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384573 w 10511434"/>
              <a:gd name="connsiteY20" fmla="*/ 1501716 h 5223255"/>
              <a:gd name="connsiteX0" fmla="*/ 1384573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384573 w 10511434"/>
              <a:gd name="connsiteY20" fmla="*/ 1501716 h 5223255"/>
              <a:gd name="connsiteX0" fmla="*/ 1384573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384573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63012 w 10511434"/>
              <a:gd name="connsiteY3" fmla="*/ 65518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63012 w 10511434"/>
              <a:gd name="connsiteY3" fmla="*/ 65518 h 5223255"/>
              <a:gd name="connsiteX4" fmla="*/ 6561930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63012 w 10511434"/>
              <a:gd name="connsiteY3" fmla="*/ 65518 h 5223255"/>
              <a:gd name="connsiteX4" fmla="*/ 6561930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63012 w 10511434"/>
              <a:gd name="connsiteY3" fmla="*/ 65518 h 5223255"/>
              <a:gd name="connsiteX4" fmla="*/ 658812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46343 w 10511434"/>
              <a:gd name="connsiteY3" fmla="*/ 91712 h 5223255"/>
              <a:gd name="connsiteX4" fmla="*/ 658812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34437 w 10511434"/>
              <a:gd name="connsiteY3" fmla="*/ 101237 h 5223255"/>
              <a:gd name="connsiteX4" fmla="*/ 658812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34437 w 10511434"/>
              <a:gd name="connsiteY3" fmla="*/ 101237 h 5223255"/>
              <a:gd name="connsiteX4" fmla="*/ 6604793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36 h 5223275"/>
              <a:gd name="connsiteX1" fmla="*/ 5524027 w 10511434"/>
              <a:gd name="connsiteY1" fmla="*/ 1501368 h 5223275"/>
              <a:gd name="connsiteX2" fmla="*/ 5645985 w 10511434"/>
              <a:gd name="connsiteY2" fmla="*/ 1419311 h 5223275"/>
              <a:gd name="connsiteX3" fmla="*/ 6434437 w 10511434"/>
              <a:gd name="connsiteY3" fmla="*/ 101257 h 5223275"/>
              <a:gd name="connsiteX4" fmla="*/ 6604793 w 10511434"/>
              <a:gd name="connsiteY4" fmla="*/ 20 h 5223275"/>
              <a:gd name="connsiteX5" fmla="*/ 10287355 w 10511434"/>
              <a:gd name="connsiteY5" fmla="*/ 3673 h 5223275"/>
              <a:gd name="connsiteX6" fmla="*/ 10511434 w 10511434"/>
              <a:gd name="connsiteY6" fmla="*/ 227714 h 5223275"/>
              <a:gd name="connsiteX7" fmla="*/ 10511434 w 10511434"/>
              <a:gd name="connsiteY7" fmla="*/ 4999234 h 5223275"/>
              <a:gd name="connsiteX8" fmla="*/ 10287355 w 10511434"/>
              <a:gd name="connsiteY8" fmla="*/ 5223275 h 5223275"/>
              <a:gd name="connsiteX9" fmla="*/ 8647340 w 10511434"/>
              <a:gd name="connsiteY9" fmla="*/ 5223275 h 5223275"/>
              <a:gd name="connsiteX10" fmla="*/ 8423260 w 10511434"/>
              <a:gd name="connsiteY10" fmla="*/ 4999234 h 5223275"/>
              <a:gd name="connsiteX11" fmla="*/ 8423260 w 10511434"/>
              <a:gd name="connsiteY11" fmla="*/ 4292282 h 5223275"/>
              <a:gd name="connsiteX12" fmla="*/ 8007038 w 10511434"/>
              <a:gd name="connsiteY12" fmla="*/ 4176994 h 5223275"/>
              <a:gd name="connsiteX13" fmla="*/ 7444469 w 10511434"/>
              <a:gd name="connsiteY13" fmla="*/ 5114469 h 5223275"/>
              <a:gd name="connsiteX14" fmla="*/ 7252326 w 10511434"/>
              <a:gd name="connsiteY14" fmla="*/ 5223222 h 5223275"/>
              <a:gd name="connsiteX15" fmla="*/ 224079 w 10511434"/>
              <a:gd name="connsiteY15" fmla="*/ 5223222 h 5223275"/>
              <a:gd name="connsiteX16" fmla="*/ 0 w 10511434"/>
              <a:gd name="connsiteY16" fmla="*/ 4999181 h 5223275"/>
              <a:gd name="connsiteX17" fmla="*/ 1 w 10511434"/>
              <a:gd name="connsiteY17" fmla="*/ 3745603 h 5223275"/>
              <a:gd name="connsiteX18" fmla="*/ 38115 w 10511434"/>
              <a:gd name="connsiteY18" fmla="*/ 3605602 h 5223275"/>
              <a:gd name="connsiteX19" fmla="*/ 1252864 w 10511434"/>
              <a:gd name="connsiteY19" fmla="*/ 1594464 h 5223275"/>
              <a:gd name="connsiteX20" fmla="*/ 1402604 w 10511434"/>
              <a:gd name="connsiteY20" fmla="*/ 1501736 h 5223275"/>
              <a:gd name="connsiteX0" fmla="*/ 1402604 w 10511434"/>
              <a:gd name="connsiteY0" fmla="*/ 1501747 h 5223286"/>
              <a:gd name="connsiteX1" fmla="*/ 5524027 w 10511434"/>
              <a:gd name="connsiteY1" fmla="*/ 1501379 h 5223286"/>
              <a:gd name="connsiteX2" fmla="*/ 5645985 w 10511434"/>
              <a:gd name="connsiteY2" fmla="*/ 1419322 h 5223286"/>
              <a:gd name="connsiteX3" fmla="*/ 6434437 w 10511434"/>
              <a:gd name="connsiteY3" fmla="*/ 101268 h 5223286"/>
              <a:gd name="connsiteX4" fmla="*/ 6604793 w 10511434"/>
              <a:gd name="connsiteY4" fmla="*/ 31 h 5223286"/>
              <a:gd name="connsiteX5" fmla="*/ 10287355 w 10511434"/>
              <a:gd name="connsiteY5" fmla="*/ 3684 h 5223286"/>
              <a:gd name="connsiteX6" fmla="*/ 10511434 w 10511434"/>
              <a:gd name="connsiteY6" fmla="*/ 227725 h 5223286"/>
              <a:gd name="connsiteX7" fmla="*/ 10511434 w 10511434"/>
              <a:gd name="connsiteY7" fmla="*/ 4999245 h 5223286"/>
              <a:gd name="connsiteX8" fmla="*/ 10287355 w 10511434"/>
              <a:gd name="connsiteY8" fmla="*/ 5223286 h 5223286"/>
              <a:gd name="connsiteX9" fmla="*/ 8647340 w 10511434"/>
              <a:gd name="connsiteY9" fmla="*/ 5223286 h 5223286"/>
              <a:gd name="connsiteX10" fmla="*/ 8423260 w 10511434"/>
              <a:gd name="connsiteY10" fmla="*/ 4999245 h 5223286"/>
              <a:gd name="connsiteX11" fmla="*/ 8423260 w 10511434"/>
              <a:gd name="connsiteY11" fmla="*/ 4292293 h 5223286"/>
              <a:gd name="connsiteX12" fmla="*/ 8007038 w 10511434"/>
              <a:gd name="connsiteY12" fmla="*/ 4177005 h 5223286"/>
              <a:gd name="connsiteX13" fmla="*/ 7444469 w 10511434"/>
              <a:gd name="connsiteY13" fmla="*/ 5114480 h 5223286"/>
              <a:gd name="connsiteX14" fmla="*/ 7252326 w 10511434"/>
              <a:gd name="connsiteY14" fmla="*/ 5223233 h 5223286"/>
              <a:gd name="connsiteX15" fmla="*/ 224079 w 10511434"/>
              <a:gd name="connsiteY15" fmla="*/ 5223233 h 5223286"/>
              <a:gd name="connsiteX16" fmla="*/ 0 w 10511434"/>
              <a:gd name="connsiteY16" fmla="*/ 4999192 h 5223286"/>
              <a:gd name="connsiteX17" fmla="*/ 1 w 10511434"/>
              <a:gd name="connsiteY17" fmla="*/ 3745614 h 5223286"/>
              <a:gd name="connsiteX18" fmla="*/ 38115 w 10511434"/>
              <a:gd name="connsiteY18" fmla="*/ 3605613 h 5223286"/>
              <a:gd name="connsiteX19" fmla="*/ 1252864 w 10511434"/>
              <a:gd name="connsiteY19" fmla="*/ 1594475 h 5223286"/>
              <a:gd name="connsiteX20" fmla="*/ 1402604 w 10511434"/>
              <a:gd name="connsiteY20" fmla="*/ 1501747 h 5223286"/>
              <a:gd name="connsiteX0" fmla="*/ 1402604 w 10511434"/>
              <a:gd name="connsiteY0" fmla="*/ 1501747 h 5223286"/>
              <a:gd name="connsiteX1" fmla="*/ 5524027 w 10511434"/>
              <a:gd name="connsiteY1" fmla="*/ 1501379 h 5223286"/>
              <a:gd name="connsiteX2" fmla="*/ 5645985 w 10511434"/>
              <a:gd name="connsiteY2" fmla="*/ 1419322 h 5223286"/>
              <a:gd name="connsiteX3" fmla="*/ 6434437 w 10511434"/>
              <a:gd name="connsiteY3" fmla="*/ 101268 h 5223286"/>
              <a:gd name="connsiteX4" fmla="*/ 6604793 w 10511434"/>
              <a:gd name="connsiteY4" fmla="*/ 31 h 5223286"/>
              <a:gd name="connsiteX5" fmla="*/ 10287355 w 10511434"/>
              <a:gd name="connsiteY5" fmla="*/ 3684 h 5223286"/>
              <a:gd name="connsiteX6" fmla="*/ 10511434 w 10511434"/>
              <a:gd name="connsiteY6" fmla="*/ 227725 h 5223286"/>
              <a:gd name="connsiteX7" fmla="*/ 10511434 w 10511434"/>
              <a:gd name="connsiteY7" fmla="*/ 4999245 h 5223286"/>
              <a:gd name="connsiteX8" fmla="*/ 10287355 w 10511434"/>
              <a:gd name="connsiteY8" fmla="*/ 5223286 h 5223286"/>
              <a:gd name="connsiteX9" fmla="*/ 8647340 w 10511434"/>
              <a:gd name="connsiteY9" fmla="*/ 5223286 h 5223286"/>
              <a:gd name="connsiteX10" fmla="*/ 8423260 w 10511434"/>
              <a:gd name="connsiteY10" fmla="*/ 4999245 h 5223286"/>
              <a:gd name="connsiteX11" fmla="*/ 8423260 w 10511434"/>
              <a:gd name="connsiteY11" fmla="*/ 4292293 h 5223286"/>
              <a:gd name="connsiteX12" fmla="*/ 8007038 w 10511434"/>
              <a:gd name="connsiteY12" fmla="*/ 4177005 h 5223286"/>
              <a:gd name="connsiteX13" fmla="*/ 7444469 w 10511434"/>
              <a:gd name="connsiteY13" fmla="*/ 5114480 h 5223286"/>
              <a:gd name="connsiteX14" fmla="*/ 7252326 w 10511434"/>
              <a:gd name="connsiteY14" fmla="*/ 5223233 h 5223286"/>
              <a:gd name="connsiteX15" fmla="*/ 224079 w 10511434"/>
              <a:gd name="connsiteY15" fmla="*/ 5223233 h 5223286"/>
              <a:gd name="connsiteX16" fmla="*/ 0 w 10511434"/>
              <a:gd name="connsiteY16" fmla="*/ 4999192 h 5223286"/>
              <a:gd name="connsiteX17" fmla="*/ 1 w 10511434"/>
              <a:gd name="connsiteY17" fmla="*/ 3745614 h 5223286"/>
              <a:gd name="connsiteX18" fmla="*/ 38115 w 10511434"/>
              <a:gd name="connsiteY18" fmla="*/ 3605613 h 5223286"/>
              <a:gd name="connsiteX19" fmla="*/ 1252864 w 10511434"/>
              <a:gd name="connsiteY19" fmla="*/ 1594475 h 5223286"/>
              <a:gd name="connsiteX20" fmla="*/ 1402604 w 10511434"/>
              <a:gd name="connsiteY20" fmla="*/ 1501747 h 5223286"/>
              <a:gd name="connsiteX0" fmla="*/ 1419201 w 10528031"/>
              <a:gd name="connsiteY0" fmla="*/ 1501747 h 5223534"/>
              <a:gd name="connsiteX1" fmla="*/ 5540624 w 10528031"/>
              <a:gd name="connsiteY1" fmla="*/ 1501379 h 5223534"/>
              <a:gd name="connsiteX2" fmla="*/ 5662582 w 10528031"/>
              <a:gd name="connsiteY2" fmla="*/ 1419322 h 5223534"/>
              <a:gd name="connsiteX3" fmla="*/ 6451034 w 10528031"/>
              <a:gd name="connsiteY3" fmla="*/ 101268 h 5223534"/>
              <a:gd name="connsiteX4" fmla="*/ 6621390 w 10528031"/>
              <a:gd name="connsiteY4" fmla="*/ 31 h 5223534"/>
              <a:gd name="connsiteX5" fmla="*/ 10303952 w 10528031"/>
              <a:gd name="connsiteY5" fmla="*/ 3684 h 5223534"/>
              <a:gd name="connsiteX6" fmla="*/ 10528031 w 10528031"/>
              <a:gd name="connsiteY6" fmla="*/ 227725 h 5223534"/>
              <a:gd name="connsiteX7" fmla="*/ 10528031 w 10528031"/>
              <a:gd name="connsiteY7" fmla="*/ 4999245 h 5223534"/>
              <a:gd name="connsiteX8" fmla="*/ 10303952 w 10528031"/>
              <a:gd name="connsiteY8" fmla="*/ 5223286 h 5223534"/>
              <a:gd name="connsiteX9" fmla="*/ 8663937 w 10528031"/>
              <a:gd name="connsiteY9" fmla="*/ 5223286 h 5223534"/>
              <a:gd name="connsiteX10" fmla="*/ 8439857 w 10528031"/>
              <a:gd name="connsiteY10" fmla="*/ 4999245 h 5223534"/>
              <a:gd name="connsiteX11" fmla="*/ 8439857 w 10528031"/>
              <a:gd name="connsiteY11" fmla="*/ 4292293 h 5223534"/>
              <a:gd name="connsiteX12" fmla="*/ 8023635 w 10528031"/>
              <a:gd name="connsiteY12" fmla="*/ 4177005 h 5223534"/>
              <a:gd name="connsiteX13" fmla="*/ 7461066 w 10528031"/>
              <a:gd name="connsiteY13" fmla="*/ 5114480 h 5223534"/>
              <a:gd name="connsiteX14" fmla="*/ 7268923 w 10528031"/>
              <a:gd name="connsiteY14" fmla="*/ 5223233 h 5223534"/>
              <a:gd name="connsiteX15" fmla="*/ 240676 w 10528031"/>
              <a:gd name="connsiteY15" fmla="*/ 5223233 h 5223534"/>
              <a:gd name="connsiteX16" fmla="*/ 16597 w 10528031"/>
              <a:gd name="connsiteY16" fmla="*/ 4999192 h 5223534"/>
              <a:gd name="connsiteX17" fmla="*/ 16598 w 10528031"/>
              <a:gd name="connsiteY17" fmla="*/ 3771014 h 5223534"/>
              <a:gd name="connsiteX18" fmla="*/ 54712 w 10528031"/>
              <a:gd name="connsiteY18" fmla="*/ 3605613 h 5223534"/>
              <a:gd name="connsiteX19" fmla="*/ 1269461 w 10528031"/>
              <a:gd name="connsiteY19" fmla="*/ 1594475 h 5223534"/>
              <a:gd name="connsiteX20" fmla="*/ 1419201 w 10528031"/>
              <a:gd name="connsiteY20" fmla="*/ 1501747 h 5223534"/>
              <a:gd name="connsiteX0" fmla="*/ 1419201 w 10528031"/>
              <a:gd name="connsiteY0" fmla="*/ 1501747 h 5223534"/>
              <a:gd name="connsiteX1" fmla="*/ 5540624 w 10528031"/>
              <a:gd name="connsiteY1" fmla="*/ 1501379 h 5223534"/>
              <a:gd name="connsiteX2" fmla="*/ 5662582 w 10528031"/>
              <a:gd name="connsiteY2" fmla="*/ 1419322 h 5223534"/>
              <a:gd name="connsiteX3" fmla="*/ 6451034 w 10528031"/>
              <a:gd name="connsiteY3" fmla="*/ 101268 h 5223534"/>
              <a:gd name="connsiteX4" fmla="*/ 6621390 w 10528031"/>
              <a:gd name="connsiteY4" fmla="*/ 31 h 5223534"/>
              <a:gd name="connsiteX5" fmla="*/ 10303952 w 10528031"/>
              <a:gd name="connsiteY5" fmla="*/ 3684 h 5223534"/>
              <a:gd name="connsiteX6" fmla="*/ 10528031 w 10528031"/>
              <a:gd name="connsiteY6" fmla="*/ 227725 h 5223534"/>
              <a:gd name="connsiteX7" fmla="*/ 10528031 w 10528031"/>
              <a:gd name="connsiteY7" fmla="*/ 4999245 h 5223534"/>
              <a:gd name="connsiteX8" fmla="*/ 10303952 w 10528031"/>
              <a:gd name="connsiteY8" fmla="*/ 5223286 h 5223534"/>
              <a:gd name="connsiteX9" fmla="*/ 8663937 w 10528031"/>
              <a:gd name="connsiteY9" fmla="*/ 5223286 h 5223534"/>
              <a:gd name="connsiteX10" fmla="*/ 8439857 w 10528031"/>
              <a:gd name="connsiteY10" fmla="*/ 4999245 h 5223534"/>
              <a:gd name="connsiteX11" fmla="*/ 8439857 w 10528031"/>
              <a:gd name="connsiteY11" fmla="*/ 4292293 h 5223534"/>
              <a:gd name="connsiteX12" fmla="*/ 8023635 w 10528031"/>
              <a:gd name="connsiteY12" fmla="*/ 4177005 h 5223534"/>
              <a:gd name="connsiteX13" fmla="*/ 7461066 w 10528031"/>
              <a:gd name="connsiteY13" fmla="*/ 5114480 h 5223534"/>
              <a:gd name="connsiteX14" fmla="*/ 7268923 w 10528031"/>
              <a:gd name="connsiteY14" fmla="*/ 5223233 h 5223534"/>
              <a:gd name="connsiteX15" fmla="*/ 240676 w 10528031"/>
              <a:gd name="connsiteY15" fmla="*/ 5223233 h 5223534"/>
              <a:gd name="connsiteX16" fmla="*/ 16597 w 10528031"/>
              <a:gd name="connsiteY16" fmla="*/ 4999192 h 5223534"/>
              <a:gd name="connsiteX17" fmla="*/ 16598 w 10528031"/>
              <a:gd name="connsiteY17" fmla="*/ 3771014 h 5223534"/>
              <a:gd name="connsiteX18" fmla="*/ 54712 w 10528031"/>
              <a:gd name="connsiteY18" fmla="*/ 3605613 h 5223534"/>
              <a:gd name="connsiteX19" fmla="*/ 1269461 w 10528031"/>
              <a:gd name="connsiteY19" fmla="*/ 1594475 h 5223534"/>
              <a:gd name="connsiteX20" fmla="*/ 1419201 w 10528031"/>
              <a:gd name="connsiteY20" fmla="*/ 1501747 h 5223534"/>
              <a:gd name="connsiteX0" fmla="*/ 1404151 w 10512981"/>
              <a:gd name="connsiteY0" fmla="*/ 1501747 h 5223674"/>
              <a:gd name="connsiteX1" fmla="*/ 5525574 w 10512981"/>
              <a:gd name="connsiteY1" fmla="*/ 1501379 h 5223674"/>
              <a:gd name="connsiteX2" fmla="*/ 5647532 w 10512981"/>
              <a:gd name="connsiteY2" fmla="*/ 1419322 h 5223674"/>
              <a:gd name="connsiteX3" fmla="*/ 6435984 w 10512981"/>
              <a:gd name="connsiteY3" fmla="*/ 101268 h 5223674"/>
              <a:gd name="connsiteX4" fmla="*/ 6606340 w 10512981"/>
              <a:gd name="connsiteY4" fmla="*/ 31 h 5223674"/>
              <a:gd name="connsiteX5" fmla="*/ 10288902 w 10512981"/>
              <a:gd name="connsiteY5" fmla="*/ 3684 h 5223674"/>
              <a:gd name="connsiteX6" fmla="*/ 10512981 w 10512981"/>
              <a:gd name="connsiteY6" fmla="*/ 227725 h 5223674"/>
              <a:gd name="connsiteX7" fmla="*/ 10512981 w 10512981"/>
              <a:gd name="connsiteY7" fmla="*/ 4999245 h 5223674"/>
              <a:gd name="connsiteX8" fmla="*/ 10288902 w 10512981"/>
              <a:gd name="connsiteY8" fmla="*/ 5223286 h 5223674"/>
              <a:gd name="connsiteX9" fmla="*/ 8648887 w 10512981"/>
              <a:gd name="connsiteY9" fmla="*/ 5223286 h 5223674"/>
              <a:gd name="connsiteX10" fmla="*/ 8424807 w 10512981"/>
              <a:gd name="connsiteY10" fmla="*/ 4999245 h 5223674"/>
              <a:gd name="connsiteX11" fmla="*/ 8424807 w 10512981"/>
              <a:gd name="connsiteY11" fmla="*/ 4292293 h 5223674"/>
              <a:gd name="connsiteX12" fmla="*/ 8008585 w 10512981"/>
              <a:gd name="connsiteY12" fmla="*/ 4177005 h 5223674"/>
              <a:gd name="connsiteX13" fmla="*/ 7446016 w 10512981"/>
              <a:gd name="connsiteY13" fmla="*/ 5114480 h 5223674"/>
              <a:gd name="connsiteX14" fmla="*/ 7253873 w 10512981"/>
              <a:gd name="connsiteY14" fmla="*/ 5223233 h 5223674"/>
              <a:gd name="connsiteX15" fmla="*/ 225626 w 10512981"/>
              <a:gd name="connsiteY15" fmla="*/ 5223233 h 5223674"/>
              <a:gd name="connsiteX16" fmla="*/ 1547 w 10512981"/>
              <a:gd name="connsiteY16" fmla="*/ 4999192 h 5223674"/>
              <a:gd name="connsiteX17" fmla="*/ 1548 w 10512981"/>
              <a:gd name="connsiteY17" fmla="*/ 3771014 h 5223674"/>
              <a:gd name="connsiteX18" fmla="*/ 39662 w 10512981"/>
              <a:gd name="connsiteY18" fmla="*/ 3605613 h 5223674"/>
              <a:gd name="connsiteX19" fmla="*/ 1254411 w 10512981"/>
              <a:gd name="connsiteY19" fmla="*/ 1594475 h 5223674"/>
              <a:gd name="connsiteX20" fmla="*/ 1404151 w 10512981"/>
              <a:gd name="connsiteY20" fmla="*/ 1501747 h 5223674"/>
              <a:gd name="connsiteX0" fmla="*/ 1403076 w 10511906"/>
              <a:gd name="connsiteY0" fmla="*/ 1501747 h 5223674"/>
              <a:gd name="connsiteX1" fmla="*/ 5524499 w 10511906"/>
              <a:gd name="connsiteY1" fmla="*/ 1501379 h 5223674"/>
              <a:gd name="connsiteX2" fmla="*/ 5646457 w 10511906"/>
              <a:gd name="connsiteY2" fmla="*/ 1419322 h 5223674"/>
              <a:gd name="connsiteX3" fmla="*/ 6434909 w 10511906"/>
              <a:gd name="connsiteY3" fmla="*/ 101268 h 5223674"/>
              <a:gd name="connsiteX4" fmla="*/ 6605265 w 10511906"/>
              <a:gd name="connsiteY4" fmla="*/ 31 h 5223674"/>
              <a:gd name="connsiteX5" fmla="*/ 10287827 w 10511906"/>
              <a:gd name="connsiteY5" fmla="*/ 3684 h 5223674"/>
              <a:gd name="connsiteX6" fmla="*/ 10511906 w 10511906"/>
              <a:gd name="connsiteY6" fmla="*/ 227725 h 5223674"/>
              <a:gd name="connsiteX7" fmla="*/ 10511906 w 10511906"/>
              <a:gd name="connsiteY7" fmla="*/ 4999245 h 5223674"/>
              <a:gd name="connsiteX8" fmla="*/ 10287827 w 10511906"/>
              <a:gd name="connsiteY8" fmla="*/ 5223286 h 5223674"/>
              <a:gd name="connsiteX9" fmla="*/ 8647812 w 10511906"/>
              <a:gd name="connsiteY9" fmla="*/ 5223286 h 5223674"/>
              <a:gd name="connsiteX10" fmla="*/ 8423732 w 10511906"/>
              <a:gd name="connsiteY10" fmla="*/ 4999245 h 5223674"/>
              <a:gd name="connsiteX11" fmla="*/ 8423732 w 10511906"/>
              <a:gd name="connsiteY11" fmla="*/ 4292293 h 5223674"/>
              <a:gd name="connsiteX12" fmla="*/ 8007510 w 10511906"/>
              <a:gd name="connsiteY12" fmla="*/ 4177005 h 5223674"/>
              <a:gd name="connsiteX13" fmla="*/ 7444941 w 10511906"/>
              <a:gd name="connsiteY13" fmla="*/ 5114480 h 5223674"/>
              <a:gd name="connsiteX14" fmla="*/ 7252798 w 10511906"/>
              <a:gd name="connsiteY14" fmla="*/ 5223233 h 5223674"/>
              <a:gd name="connsiteX15" fmla="*/ 224551 w 10511906"/>
              <a:gd name="connsiteY15" fmla="*/ 5223233 h 5223674"/>
              <a:gd name="connsiteX16" fmla="*/ 472 w 10511906"/>
              <a:gd name="connsiteY16" fmla="*/ 4999192 h 5223674"/>
              <a:gd name="connsiteX17" fmla="*/ 473 w 10511906"/>
              <a:gd name="connsiteY17" fmla="*/ 3771014 h 5223674"/>
              <a:gd name="connsiteX18" fmla="*/ 38587 w 10511906"/>
              <a:gd name="connsiteY18" fmla="*/ 3605613 h 5223674"/>
              <a:gd name="connsiteX19" fmla="*/ 1253336 w 10511906"/>
              <a:gd name="connsiteY19" fmla="*/ 1594475 h 5223674"/>
              <a:gd name="connsiteX20" fmla="*/ 1403076 w 10511906"/>
              <a:gd name="connsiteY20" fmla="*/ 1501747 h 5223674"/>
              <a:gd name="connsiteX0" fmla="*/ 1403409 w 10512239"/>
              <a:gd name="connsiteY0" fmla="*/ 1501747 h 5223286"/>
              <a:gd name="connsiteX1" fmla="*/ 5524832 w 10512239"/>
              <a:gd name="connsiteY1" fmla="*/ 1501379 h 5223286"/>
              <a:gd name="connsiteX2" fmla="*/ 5646790 w 10512239"/>
              <a:gd name="connsiteY2" fmla="*/ 1419322 h 5223286"/>
              <a:gd name="connsiteX3" fmla="*/ 6435242 w 10512239"/>
              <a:gd name="connsiteY3" fmla="*/ 101268 h 5223286"/>
              <a:gd name="connsiteX4" fmla="*/ 6605598 w 10512239"/>
              <a:gd name="connsiteY4" fmla="*/ 31 h 5223286"/>
              <a:gd name="connsiteX5" fmla="*/ 10288160 w 10512239"/>
              <a:gd name="connsiteY5" fmla="*/ 3684 h 5223286"/>
              <a:gd name="connsiteX6" fmla="*/ 10512239 w 10512239"/>
              <a:gd name="connsiteY6" fmla="*/ 227725 h 5223286"/>
              <a:gd name="connsiteX7" fmla="*/ 10512239 w 10512239"/>
              <a:gd name="connsiteY7" fmla="*/ 4999245 h 5223286"/>
              <a:gd name="connsiteX8" fmla="*/ 10288160 w 10512239"/>
              <a:gd name="connsiteY8" fmla="*/ 5223286 h 5223286"/>
              <a:gd name="connsiteX9" fmla="*/ 8648145 w 10512239"/>
              <a:gd name="connsiteY9" fmla="*/ 5223286 h 5223286"/>
              <a:gd name="connsiteX10" fmla="*/ 8424065 w 10512239"/>
              <a:gd name="connsiteY10" fmla="*/ 4999245 h 5223286"/>
              <a:gd name="connsiteX11" fmla="*/ 8424065 w 10512239"/>
              <a:gd name="connsiteY11" fmla="*/ 4292293 h 5223286"/>
              <a:gd name="connsiteX12" fmla="*/ 8007843 w 10512239"/>
              <a:gd name="connsiteY12" fmla="*/ 4177005 h 5223286"/>
              <a:gd name="connsiteX13" fmla="*/ 7445274 w 10512239"/>
              <a:gd name="connsiteY13" fmla="*/ 5114480 h 5223286"/>
              <a:gd name="connsiteX14" fmla="*/ 7253131 w 10512239"/>
              <a:gd name="connsiteY14" fmla="*/ 5223233 h 5223286"/>
              <a:gd name="connsiteX15" fmla="*/ 224884 w 10512239"/>
              <a:gd name="connsiteY15" fmla="*/ 5223233 h 5223286"/>
              <a:gd name="connsiteX16" fmla="*/ 805 w 10512239"/>
              <a:gd name="connsiteY16" fmla="*/ 4999192 h 5223286"/>
              <a:gd name="connsiteX17" fmla="*/ 806 w 10512239"/>
              <a:gd name="connsiteY17" fmla="*/ 3771014 h 5223286"/>
              <a:gd name="connsiteX18" fmla="*/ 38920 w 10512239"/>
              <a:gd name="connsiteY18" fmla="*/ 3605613 h 5223286"/>
              <a:gd name="connsiteX19" fmla="*/ 1253669 w 10512239"/>
              <a:gd name="connsiteY19" fmla="*/ 1594475 h 5223286"/>
              <a:gd name="connsiteX20" fmla="*/ 1403409 w 10512239"/>
              <a:gd name="connsiteY20" fmla="*/ 1501747 h 5223286"/>
              <a:gd name="connsiteX0" fmla="*/ 1403614 w 10512444"/>
              <a:gd name="connsiteY0" fmla="*/ 1501747 h 5223286"/>
              <a:gd name="connsiteX1" fmla="*/ 5525037 w 10512444"/>
              <a:gd name="connsiteY1" fmla="*/ 1501379 h 5223286"/>
              <a:gd name="connsiteX2" fmla="*/ 5646995 w 10512444"/>
              <a:gd name="connsiteY2" fmla="*/ 1419322 h 5223286"/>
              <a:gd name="connsiteX3" fmla="*/ 6435447 w 10512444"/>
              <a:gd name="connsiteY3" fmla="*/ 101268 h 5223286"/>
              <a:gd name="connsiteX4" fmla="*/ 6605803 w 10512444"/>
              <a:gd name="connsiteY4" fmla="*/ 31 h 5223286"/>
              <a:gd name="connsiteX5" fmla="*/ 10288365 w 10512444"/>
              <a:gd name="connsiteY5" fmla="*/ 3684 h 5223286"/>
              <a:gd name="connsiteX6" fmla="*/ 10512444 w 10512444"/>
              <a:gd name="connsiteY6" fmla="*/ 227725 h 5223286"/>
              <a:gd name="connsiteX7" fmla="*/ 10512444 w 10512444"/>
              <a:gd name="connsiteY7" fmla="*/ 4999245 h 5223286"/>
              <a:gd name="connsiteX8" fmla="*/ 10288365 w 10512444"/>
              <a:gd name="connsiteY8" fmla="*/ 5223286 h 5223286"/>
              <a:gd name="connsiteX9" fmla="*/ 8648350 w 10512444"/>
              <a:gd name="connsiteY9" fmla="*/ 5223286 h 5223286"/>
              <a:gd name="connsiteX10" fmla="*/ 8424270 w 10512444"/>
              <a:gd name="connsiteY10" fmla="*/ 4999245 h 5223286"/>
              <a:gd name="connsiteX11" fmla="*/ 8424270 w 10512444"/>
              <a:gd name="connsiteY11" fmla="*/ 4292293 h 5223286"/>
              <a:gd name="connsiteX12" fmla="*/ 8008048 w 10512444"/>
              <a:gd name="connsiteY12" fmla="*/ 4177005 h 5223286"/>
              <a:gd name="connsiteX13" fmla="*/ 7445479 w 10512444"/>
              <a:gd name="connsiteY13" fmla="*/ 5114480 h 5223286"/>
              <a:gd name="connsiteX14" fmla="*/ 7253336 w 10512444"/>
              <a:gd name="connsiteY14" fmla="*/ 5223233 h 5223286"/>
              <a:gd name="connsiteX15" fmla="*/ 225089 w 10512444"/>
              <a:gd name="connsiteY15" fmla="*/ 5223233 h 5223286"/>
              <a:gd name="connsiteX16" fmla="*/ 1010 w 10512444"/>
              <a:gd name="connsiteY16" fmla="*/ 4999192 h 5223286"/>
              <a:gd name="connsiteX17" fmla="*/ 1011 w 10512444"/>
              <a:gd name="connsiteY17" fmla="*/ 3771014 h 5223286"/>
              <a:gd name="connsiteX18" fmla="*/ 39125 w 10512444"/>
              <a:gd name="connsiteY18" fmla="*/ 3605613 h 5223286"/>
              <a:gd name="connsiteX19" fmla="*/ 1253874 w 10512444"/>
              <a:gd name="connsiteY19" fmla="*/ 1594475 h 5223286"/>
              <a:gd name="connsiteX20" fmla="*/ 1403614 w 10512444"/>
              <a:gd name="connsiteY20" fmla="*/ 1501747 h 5223286"/>
              <a:gd name="connsiteX0" fmla="*/ 1402733 w 10511563"/>
              <a:gd name="connsiteY0" fmla="*/ 1501747 h 5223286"/>
              <a:gd name="connsiteX1" fmla="*/ 5524156 w 10511563"/>
              <a:gd name="connsiteY1" fmla="*/ 1501379 h 5223286"/>
              <a:gd name="connsiteX2" fmla="*/ 5646114 w 10511563"/>
              <a:gd name="connsiteY2" fmla="*/ 1419322 h 5223286"/>
              <a:gd name="connsiteX3" fmla="*/ 6434566 w 10511563"/>
              <a:gd name="connsiteY3" fmla="*/ 101268 h 5223286"/>
              <a:gd name="connsiteX4" fmla="*/ 6604922 w 10511563"/>
              <a:gd name="connsiteY4" fmla="*/ 31 h 5223286"/>
              <a:gd name="connsiteX5" fmla="*/ 10287484 w 10511563"/>
              <a:gd name="connsiteY5" fmla="*/ 3684 h 5223286"/>
              <a:gd name="connsiteX6" fmla="*/ 10511563 w 10511563"/>
              <a:gd name="connsiteY6" fmla="*/ 227725 h 5223286"/>
              <a:gd name="connsiteX7" fmla="*/ 10511563 w 10511563"/>
              <a:gd name="connsiteY7" fmla="*/ 4999245 h 5223286"/>
              <a:gd name="connsiteX8" fmla="*/ 10287484 w 10511563"/>
              <a:gd name="connsiteY8" fmla="*/ 5223286 h 5223286"/>
              <a:gd name="connsiteX9" fmla="*/ 8647469 w 10511563"/>
              <a:gd name="connsiteY9" fmla="*/ 5223286 h 5223286"/>
              <a:gd name="connsiteX10" fmla="*/ 8423389 w 10511563"/>
              <a:gd name="connsiteY10" fmla="*/ 4999245 h 5223286"/>
              <a:gd name="connsiteX11" fmla="*/ 8423389 w 10511563"/>
              <a:gd name="connsiteY11" fmla="*/ 4292293 h 5223286"/>
              <a:gd name="connsiteX12" fmla="*/ 8007167 w 10511563"/>
              <a:gd name="connsiteY12" fmla="*/ 4177005 h 5223286"/>
              <a:gd name="connsiteX13" fmla="*/ 7444598 w 10511563"/>
              <a:gd name="connsiteY13" fmla="*/ 5114480 h 5223286"/>
              <a:gd name="connsiteX14" fmla="*/ 7252455 w 10511563"/>
              <a:gd name="connsiteY14" fmla="*/ 5223233 h 5223286"/>
              <a:gd name="connsiteX15" fmla="*/ 224208 w 10511563"/>
              <a:gd name="connsiteY15" fmla="*/ 5223233 h 5223286"/>
              <a:gd name="connsiteX16" fmla="*/ 129 w 10511563"/>
              <a:gd name="connsiteY16" fmla="*/ 4999192 h 5223286"/>
              <a:gd name="connsiteX17" fmla="*/ 130 w 10511563"/>
              <a:gd name="connsiteY17" fmla="*/ 3771014 h 5223286"/>
              <a:gd name="connsiteX18" fmla="*/ 38244 w 10511563"/>
              <a:gd name="connsiteY18" fmla="*/ 3605613 h 5223286"/>
              <a:gd name="connsiteX19" fmla="*/ 1252993 w 10511563"/>
              <a:gd name="connsiteY19" fmla="*/ 1594475 h 5223286"/>
              <a:gd name="connsiteX20" fmla="*/ 1402733 w 10511563"/>
              <a:gd name="connsiteY20" fmla="*/ 1501747 h 5223286"/>
              <a:gd name="connsiteX0" fmla="*/ 1402628 w 10511458"/>
              <a:gd name="connsiteY0" fmla="*/ 1501747 h 5223286"/>
              <a:gd name="connsiteX1" fmla="*/ 5524051 w 10511458"/>
              <a:gd name="connsiteY1" fmla="*/ 1501379 h 5223286"/>
              <a:gd name="connsiteX2" fmla="*/ 5646009 w 10511458"/>
              <a:gd name="connsiteY2" fmla="*/ 1419322 h 5223286"/>
              <a:gd name="connsiteX3" fmla="*/ 6434461 w 10511458"/>
              <a:gd name="connsiteY3" fmla="*/ 101268 h 5223286"/>
              <a:gd name="connsiteX4" fmla="*/ 6604817 w 10511458"/>
              <a:gd name="connsiteY4" fmla="*/ 31 h 5223286"/>
              <a:gd name="connsiteX5" fmla="*/ 10287379 w 10511458"/>
              <a:gd name="connsiteY5" fmla="*/ 3684 h 5223286"/>
              <a:gd name="connsiteX6" fmla="*/ 10511458 w 10511458"/>
              <a:gd name="connsiteY6" fmla="*/ 227725 h 5223286"/>
              <a:gd name="connsiteX7" fmla="*/ 10511458 w 10511458"/>
              <a:gd name="connsiteY7" fmla="*/ 4999245 h 5223286"/>
              <a:gd name="connsiteX8" fmla="*/ 10287379 w 10511458"/>
              <a:gd name="connsiteY8" fmla="*/ 5223286 h 5223286"/>
              <a:gd name="connsiteX9" fmla="*/ 8647364 w 10511458"/>
              <a:gd name="connsiteY9" fmla="*/ 5223286 h 5223286"/>
              <a:gd name="connsiteX10" fmla="*/ 8423284 w 10511458"/>
              <a:gd name="connsiteY10" fmla="*/ 4999245 h 5223286"/>
              <a:gd name="connsiteX11" fmla="*/ 8423284 w 10511458"/>
              <a:gd name="connsiteY11" fmla="*/ 4292293 h 5223286"/>
              <a:gd name="connsiteX12" fmla="*/ 8007062 w 10511458"/>
              <a:gd name="connsiteY12" fmla="*/ 4177005 h 5223286"/>
              <a:gd name="connsiteX13" fmla="*/ 7444493 w 10511458"/>
              <a:gd name="connsiteY13" fmla="*/ 5114480 h 5223286"/>
              <a:gd name="connsiteX14" fmla="*/ 7252350 w 10511458"/>
              <a:gd name="connsiteY14" fmla="*/ 5223233 h 5223286"/>
              <a:gd name="connsiteX15" fmla="*/ 224103 w 10511458"/>
              <a:gd name="connsiteY15" fmla="*/ 5223233 h 5223286"/>
              <a:gd name="connsiteX16" fmla="*/ 24 w 10511458"/>
              <a:gd name="connsiteY16" fmla="*/ 4999192 h 5223286"/>
              <a:gd name="connsiteX17" fmla="*/ 25 w 10511458"/>
              <a:gd name="connsiteY17" fmla="*/ 3771014 h 5223286"/>
              <a:gd name="connsiteX18" fmla="*/ 38139 w 10511458"/>
              <a:gd name="connsiteY18" fmla="*/ 3605613 h 5223286"/>
              <a:gd name="connsiteX19" fmla="*/ 1252888 w 10511458"/>
              <a:gd name="connsiteY19" fmla="*/ 1594475 h 5223286"/>
              <a:gd name="connsiteX20" fmla="*/ 1402628 w 10511458"/>
              <a:gd name="connsiteY20" fmla="*/ 1501747 h 5223286"/>
              <a:gd name="connsiteX0" fmla="*/ 1402611 w 10511441"/>
              <a:gd name="connsiteY0" fmla="*/ 1501747 h 5223286"/>
              <a:gd name="connsiteX1" fmla="*/ 5524034 w 10511441"/>
              <a:gd name="connsiteY1" fmla="*/ 1501379 h 5223286"/>
              <a:gd name="connsiteX2" fmla="*/ 5645992 w 10511441"/>
              <a:gd name="connsiteY2" fmla="*/ 1419322 h 5223286"/>
              <a:gd name="connsiteX3" fmla="*/ 6434444 w 10511441"/>
              <a:gd name="connsiteY3" fmla="*/ 101268 h 5223286"/>
              <a:gd name="connsiteX4" fmla="*/ 6604800 w 10511441"/>
              <a:gd name="connsiteY4" fmla="*/ 31 h 5223286"/>
              <a:gd name="connsiteX5" fmla="*/ 10287362 w 10511441"/>
              <a:gd name="connsiteY5" fmla="*/ 3684 h 5223286"/>
              <a:gd name="connsiteX6" fmla="*/ 10511441 w 10511441"/>
              <a:gd name="connsiteY6" fmla="*/ 227725 h 5223286"/>
              <a:gd name="connsiteX7" fmla="*/ 10511441 w 10511441"/>
              <a:gd name="connsiteY7" fmla="*/ 4999245 h 5223286"/>
              <a:gd name="connsiteX8" fmla="*/ 10287362 w 10511441"/>
              <a:gd name="connsiteY8" fmla="*/ 5223286 h 5223286"/>
              <a:gd name="connsiteX9" fmla="*/ 8647347 w 10511441"/>
              <a:gd name="connsiteY9" fmla="*/ 5223286 h 5223286"/>
              <a:gd name="connsiteX10" fmla="*/ 8423267 w 10511441"/>
              <a:gd name="connsiteY10" fmla="*/ 4999245 h 5223286"/>
              <a:gd name="connsiteX11" fmla="*/ 8423267 w 10511441"/>
              <a:gd name="connsiteY11" fmla="*/ 4292293 h 5223286"/>
              <a:gd name="connsiteX12" fmla="*/ 8007045 w 10511441"/>
              <a:gd name="connsiteY12" fmla="*/ 4177005 h 5223286"/>
              <a:gd name="connsiteX13" fmla="*/ 7444476 w 10511441"/>
              <a:gd name="connsiteY13" fmla="*/ 5114480 h 5223286"/>
              <a:gd name="connsiteX14" fmla="*/ 7252333 w 10511441"/>
              <a:gd name="connsiteY14" fmla="*/ 5223233 h 5223286"/>
              <a:gd name="connsiteX15" fmla="*/ 224086 w 10511441"/>
              <a:gd name="connsiteY15" fmla="*/ 5223233 h 5223286"/>
              <a:gd name="connsiteX16" fmla="*/ 7 w 10511441"/>
              <a:gd name="connsiteY16" fmla="*/ 4999192 h 5223286"/>
              <a:gd name="connsiteX17" fmla="*/ 8 w 10511441"/>
              <a:gd name="connsiteY17" fmla="*/ 3771014 h 5223286"/>
              <a:gd name="connsiteX18" fmla="*/ 38122 w 10511441"/>
              <a:gd name="connsiteY18" fmla="*/ 3605613 h 5223286"/>
              <a:gd name="connsiteX19" fmla="*/ 1252871 w 10511441"/>
              <a:gd name="connsiteY19" fmla="*/ 1594475 h 5223286"/>
              <a:gd name="connsiteX20" fmla="*/ 1402611 w 10511441"/>
              <a:gd name="connsiteY20" fmla="*/ 1501747 h 5223286"/>
              <a:gd name="connsiteX0" fmla="*/ 1402605 w 10511435"/>
              <a:gd name="connsiteY0" fmla="*/ 1501747 h 5223286"/>
              <a:gd name="connsiteX1" fmla="*/ 5524028 w 10511435"/>
              <a:gd name="connsiteY1" fmla="*/ 1501379 h 5223286"/>
              <a:gd name="connsiteX2" fmla="*/ 5645986 w 10511435"/>
              <a:gd name="connsiteY2" fmla="*/ 1419322 h 5223286"/>
              <a:gd name="connsiteX3" fmla="*/ 6434438 w 10511435"/>
              <a:gd name="connsiteY3" fmla="*/ 101268 h 5223286"/>
              <a:gd name="connsiteX4" fmla="*/ 6604794 w 10511435"/>
              <a:gd name="connsiteY4" fmla="*/ 31 h 5223286"/>
              <a:gd name="connsiteX5" fmla="*/ 10287356 w 10511435"/>
              <a:gd name="connsiteY5" fmla="*/ 3684 h 5223286"/>
              <a:gd name="connsiteX6" fmla="*/ 10511435 w 10511435"/>
              <a:gd name="connsiteY6" fmla="*/ 227725 h 5223286"/>
              <a:gd name="connsiteX7" fmla="*/ 10511435 w 10511435"/>
              <a:gd name="connsiteY7" fmla="*/ 4999245 h 5223286"/>
              <a:gd name="connsiteX8" fmla="*/ 10287356 w 10511435"/>
              <a:gd name="connsiteY8" fmla="*/ 5223286 h 5223286"/>
              <a:gd name="connsiteX9" fmla="*/ 8647341 w 10511435"/>
              <a:gd name="connsiteY9" fmla="*/ 5223286 h 5223286"/>
              <a:gd name="connsiteX10" fmla="*/ 8423261 w 10511435"/>
              <a:gd name="connsiteY10" fmla="*/ 4999245 h 5223286"/>
              <a:gd name="connsiteX11" fmla="*/ 8423261 w 10511435"/>
              <a:gd name="connsiteY11" fmla="*/ 4292293 h 5223286"/>
              <a:gd name="connsiteX12" fmla="*/ 8007039 w 10511435"/>
              <a:gd name="connsiteY12" fmla="*/ 4177005 h 5223286"/>
              <a:gd name="connsiteX13" fmla="*/ 7444470 w 10511435"/>
              <a:gd name="connsiteY13" fmla="*/ 5114480 h 5223286"/>
              <a:gd name="connsiteX14" fmla="*/ 7252327 w 10511435"/>
              <a:gd name="connsiteY14" fmla="*/ 5223233 h 5223286"/>
              <a:gd name="connsiteX15" fmla="*/ 224080 w 10511435"/>
              <a:gd name="connsiteY15" fmla="*/ 5223233 h 5223286"/>
              <a:gd name="connsiteX16" fmla="*/ 1 w 10511435"/>
              <a:gd name="connsiteY16" fmla="*/ 4999192 h 5223286"/>
              <a:gd name="connsiteX17" fmla="*/ 2 w 10511435"/>
              <a:gd name="connsiteY17" fmla="*/ 3771014 h 5223286"/>
              <a:gd name="connsiteX18" fmla="*/ 38116 w 10511435"/>
              <a:gd name="connsiteY18" fmla="*/ 3605613 h 5223286"/>
              <a:gd name="connsiteX19" fmla="*/ 1252865 w 10511435"/>
              <a:gd name="connsiteY19" fmla="*/ 1594475 h 5223286"/>
              <a:gd name="connsiteX20" fmla="*/ 1402605 w 10511435"/>
              <a:gd name="connsiteY20" fmla="*/ 1501747 h 5223286"/>
              <a:gd name="connsiteX0" fmla="*/ 1420613 w 10529443"/>
              <a:gd name="connsiteY0" fmla="*/ 1501747 h 5223534"/>
              <a:gd name="connsiteX1" fmla="*/ 5542036 w 10529443"/>
              <a:gd name="connsiteY1" fmla="*/ 1501379 h 5223534"/>
              <a:gd name="connsiteX2" fmla="*/ 5663994 w 10529443"/>
              <a:gd name="connsiteY2" fmla="*/ 1419322 h 5223534"/>
              <a:gd name="connsiteX3" fmla="*/ 6452446 w 10529443"/>
              <a:gd name="connsiteY3" fmla="*/ 101268 h 5223534"/>
              <a:gd name="connsiteX4" fmla="*/ 6622802 w 10529443"/>
              <a:gd name="connsiteY4" fmla="*/ 31 h 5223534"/>
              <a:gd name="connsiteX5" fmla="*/ 10305364 w 10529443"/>
              <a:gd name="connsiteY5" fmla="*/ 3684 h 5223534"/>
              <a:gd name="connsiteX6" fmla="*/ 10529443 w 10529443"/>
              <a:gd name="connsiteY6" fmla="*/ 227725 h 5223534"/>
              <a:gd name="connsiteX7" fmla="*/ 10529443 w 10529443"/>
              <a:gd name="connsiteY7" fmla="*/ 4999245 h 5223534"/>
              <a:gd name="connsiteX8" fmla="*/ 10305364 w 10529443"/>
              <a:gd name="connsiteY8" fmla="*/ 5223286 h 5223534"/>
              <a:gd name="connsiteX9" fmla="*/ 8665349 w 10529443"/>
              <a:gd name="connsiteY9" fmla="*/ 5223286 h 5223534"/>
              <a:gd name="connsiteX10" fmla="*/ 8441269 w 10529443"/>
              <a:gd name="connsiteY10" fmla="*/ 4999245 h 5223534"/>
              <a:gd name="connsiteX11" fmla="*/ 8441269 w 10529443"/>
              <a:gd name="connsiteY11" fmla="*/ 4292293 h 5223534"/>
              <a:gd name="connsiteX12" fmla="*/ 8025047 w 10529443"/>
              <a:gd name="connsiteY12" fmla="*/ 4177005 h 5223534"/>
              <a:gd name="connsiteX13" fmla="*/ 7462478 w 10529443"/>
              <a:gd name="connsiteY13" fmla="*/ 5114480 h 5223534"/>
              <a:gd name="connsiteX14" fmla="*/ 7270335 w 10529443"/>
              <a:gd name="connsiteY14" fmla="*/ 5223233 h 5223534"/>
              <a:gd name="connsiteX15" fmla="*/ 261138 w 10529443"/>
              <a:gd name="connsiteY15" fmla="*/ 5223233 h 5223534"/>
              <a:gd name="connsiteX16" fmla="*/ 18009 w 10529443"/>
              <a:gd name="connsiteY16" fmla="*/ 4999192 h 5223534"/>
              <a:gd name="connsiteX17" fmla="*/ 18010 w 10529443"/>
              <a:gd name="connsiteY17" fmla="*/ 3771014 h 5223534"/>
              <a:gd name="connsiteX18" fmla="*/ 56124 w 10529443"/>
              <a:gd name="connsiteY18" fmla="*/ 3605613 h 5223534"/>
              <a:gd name="connsiteX19" fmla="*/ 1270873 w 10529443"/>
              <a:gd name="connsiteY19" fmla="*/ 1594475 h 5223534"/>
              <a:gd name="connsiteX20" fmla="*/ 1420613 w 10529443"/>
              <a:gd name="connsiteY20" fmla="*/ 1501747 h 5223534"/>
              <a:gd name="connsiteX0" fmla="*/ 1420613 w 10529443"/>
              <a:gd name="connsiteY0" fmla="*/ 1501747 h 5223534"/>
              <a:gd name="connsiteX1" fmla="*/ 5542036 w 10529443"/>
              <a:gd name="connsiteY1" fmla="*/ 1501379 h 5223534"/>
              <a:gd name="connsiteX2" fmla="*/ 5663994 w 10529443"/>
              <a:gd name="connsiteY2" fmla="*/ 1419322 h 5223534"/>
              <a:gd name="connsiteX3" fmla="*/ 6452446 w 10529443"/>
              <a:gd name="connsiteY3" fmla="*/ 101268 h 5223534"/>
              <a:gd name="connsiteX4" fmla="*/ 6622802 w 10529443"/>
              <a:gd name="connsiteY4" fmla="*/ 31 h 5223534"/>
              <a:gd name="connsiteX5" fmla="*/ 10305364 w 10529443"/>
              <a:gd name="connsiteY5" fmla="*/ 3684 h 5223534"/>
              <a:gd name="connsiteX6" fmla="*/ 10529443 w 10529443"/>
              <a:gd name="connsiteY6" fmla="*/ 227725 h 5223534"/>
              <a:gd name="connsiteX7" fmla="*/ 10529443 w 10529443"/>
              <a:gd name="connsiteY7" fmla="*/ 4999245 h 5223534"/>
              <a:gd name="connsiteX8" fmla="*/ 10305364 w 10529443"/>
              <a:gd name="connsiteY8" fmla="*/ 5223286 h 5223534"/>
              <a:gd name="connsiteX9" fmla="*/ 8665349 w 10529443"/>
              <a:gd name="connsiteY9" fmla="*/ 5223286 h 5223534"/>
              <a:gd name="connsiteX10" fmla="*/ 8441269 w 10529443"/>
              <a:gd name="connsiteY10" fmla="*/ 4999245 h 5223534"/>
              <a:gd name="connsiteX11" fmla="*/ 8441269 w 10529443"/>
              <a:gd name="connsiteY11" fmla="*/ 4292293 h 5223534"/>
              <a:gd name="connsiteX12" fmla="*/ 8025047 w 10529443"/>
              <a:gd name="connsiteY12" fmla="*/ 4177005 h 5223534"/>
              <a:gd name="connsiteX13" fmla="*/ 7462478 w 10529443"/>
              <a:gd name="connsiteY13" fmla="*/ 5114480 h 5223534"/>
              <a:gd name="connsiteX14" fmla="*/ 7270335 w 10529443"/>
              <a:gd name="connsiteY14" fmla="*/ 5223233 h 5223534"/>
              <a:gd name="connsiteX15" fmla="*/ 261138 w 10529443"/>
              <a:gd name="connsiteY15" fmla="*/ 5223233 h 5223534"/>
              <a:gd name="connsiteX16" fmla="*/ 18009 w 10529443"/>
              <a:gd name="connsiteY16" fmla="*/ 4999192 h 5223534"/>
              <a:gd name="connsiteX17" fmla="*/ 18010 w 10529443"/>
              <a:gd name="connsiteY17" fmla="*/ 3771014 h 5223534"/>
              <a:gd name="connsiteX18" fmla="*/ 56124 w 10529443"/>
              <a:gd name="connsiteY18" fmla="*/ 3605613 h 5223534"/>
              <a:gd name="connsiteX19" fmla="*/ 1270873 w 10529443"/>
              <a:gd name="connsiteY19" fmla="*/ 1594475 h 5223534"/>
              <a:gd name="connsiteX20" fmla="*/ 1420613 w 10529443"/>
              <a:gd name="connsiteY20" fmla="*/ 1501747 h 5223534"/>
              <a:gd name="connsiteX0" fmla="*/ 1404738 w 10513568"/>
              <a:gd name="connsiteY0" fmla="*/ 1501747 h 5223702"/>
              <a:gd name="connsiteX1" fmla="*/ 5526161 w 10513568"/>
              <a:gd name="connsiteY1" fmla="*/ 1501379 h 5223702"/>
              <a:gd name="connsiteX2" fmla="*/ 5648119 w 10513568"/>
              <a:gd name="connsiteY2" fmla="*/ 1419322 h 5223702"/>
              <a:gd name="connsiteX3" fmla="*/ 6436571 w 10513568"/>
              <a:gd name="connsiteY3" fmla="*/ 101268 h 5223702"/>
              <a:gd name="connsiteX4" fmla="*/ 6606927 w 10513568"/>
              <a:gd name="connsiteY4" fmla="*/ 31 h 5223702"/>
              <a:gd name="connsiteX5" fmla="*/ 10289489 w 10513568"/>
              <a:gd name="connsiteY5" fmla="*/ 3684 h 5223702"/>
              <a:gd name="connsiteX6" fmla="*/ 10513568 w 10513568"/>
              <a:gd name="connsiteY6" fmla="*/ 227725 h 5223702"/>
              <a:gd name="connsiteX7" fmla="*/ 10513568 w 10513568"/>
              <a:gd name="connsiteY7" fmla="*/ 4999245 h 5223702"/>
              <a:gd name="connsiteX8" fmla="*/ 10289489 w 10513568"/>
              <a:gd name="connsiteY8" fmla="*/ 5223286 h 5223702"/>
              <a:gd name="connsiteX9" fmla="*/ 8649474 w 10513568"/>
              <a:gd name="connsiteY9" fmla="*/ 5223286 h 5223702"/>
              <a:gd name="connsiteX10" fmla="*/ 8425394 w 10513568"/>
              <a:gd name="connsiteY10" fmla="*/ 4999245 h 5223702"/>
              <a:gd name="connsiteX11" fmla="*/ 8425394 w 10513568"/>
              <a:gd name="connsiteY11" fmla="*/ 4292293 h 5223702"/>
              <a:gd name="connsiteX12" fmla="*/ 8009172 w 10513568"/>
              <a:gd name="connsiteY12" fmla="*/ 4177005 h 5223702"/>
              <a:gd name="connsiteX13" fmla="*/ 7446603 w 10513568"/>
              <a:gd name="connsiteY13" fmla="*/ 5114480 h 5223702"/>
              <a:gd name="connsiteX14" fmla="*/ 7254460 w 10513568"/>
              <a:gd name="connsiteY14" fmla="*/ 5223233 h 5223702"/>
              <a:gd name="connsiteX15" fmla="*/ 245263 w 10513568"/>
              <a:gd name="connsiteY15" fmla="*/ 5223233 h 5223702"/>
              <a:gd name="connsiteX16" fmla="*/ 2134 w 10513568"/>
              <a:gd name="connsiteY16" fmla="*/ 4999192 h 5223702"/>
              <a:gd name="connsiteX17" fmla="*/ 2135 w 10513568"/>
              <a:gd name="connsiteY17" fmla="*/ 3771014 h 5223702"/>
              <a:gd name="connsiteX18" fmla="*/ 40249 w 10513568"/>
              <a:gd name="connsiteY18" fmla="*/ 3605613 h 5223702"/>
              <a:gd name="connsiteX19" fmla="*/ 1254998 w 10513568"/>
              <a:gd name="connsiteY19" fmla="*/ 1594475 h 5223702"/>
              <a:gd name="connsiteX20" fmla="*/ 1404738 w 10513568"/>
              <a:gd name="connsiteY20" fmla="*/ 1501747 h 5223702"/>
              <a:gd name="connsiteX0" fmla="*/ 1403680 w 10512510"/>
              <a:gd name="connsiteY0" fmla="*/ 1501747 h 5223702"/>
              <a:gd name="connsiteX1" fmla="*/ 5525103 w 10512510"/>
              <a:gd name="connsiteY1" fmla="*/ 1501379 h 5223702"/>
              <a:gd name="connsiteX2" fmla="*/ 5647061 w 10512510"/>
              <a:gd name="connsiteY2" fmla="*/ 1419322 h 5223702"/>
              <a:gd name="connsiteX3" fmla="*/ 6435513 w 10512510"/>
              <a:gd name="connsiteY3" fmla="*/ 101268 h 5223702"/>
              <a:gd name="connsiteX4" fmla="*/ 6605869 w 10512510"/>
              <a:gd name="connsiteY4" fmla="*/ 31 h 5223702"/>
              <a:gd name="connsiteX5" fmla="*/ 10288431 w 10512510"/>
              <a:gd name="connsiteY5" fmla="*/ 3684 h 5223702"/>
              <a:gd name="connsiteX6" fmla="*/ 10512510 w 10512510"/>
              <a:gd name="connsiteY6" fmla="*/ 227725 h 5223702"/>
              <a:gd name="connsiteX7" fmla="*/ 10512510 w 10512510"/>
              <a:gd name="connsiteY7" fmla="*/ 4999245 h 5223702"/>
              <a:gd name="connsiteX8" fmla="*/ 10288431 w 10512510"/>
              <a:gd name="connsiteY8" fmla="*/ 5223286 h 5223702"/>
              <a:gd name="connsiteX9" fmla="*/ 8648416 w 10512510"/>
              <a:gd name="connsiteY9" fmla="*/ 5223286 h 5223702"/>
              <a:gd name="connsiteX10" fmla="*/ 8424336 w 10512510"/>
              <a:gd name="connsiteY10" fmla="*/ 4999245 h 5223702"/>
              <a:gd name="connsiteX11" fmla="*/ 8424336 w 10512510"/>
              <a:gd name="connsiteY11" fmla="*/ 4292293 h 5223702"/>
              <a:gd name="connsiteX12" fmla="*/ 8008114 w 10512510"/>
              <a:gd name="connsiteY12" fmla="*/ 4177005 h 5223702"/>
              <a:gd name="connsiteX13" fmla="*/ 7445545 w 10512510"/>
              <a:gd name="connsiteY13" fmla="*/ 5114480 h 5223702"/>
              <a:gd name="connsiteX14" fmla="*/ 7253402 w 10512510"/>
              <a:gd name="connsiteY14" fmla="*/ 5223233 h 5223702"/>
              <a:gd name="connsiteX15" fmla="*/ 244205 w 10512510"/>
              <a:gd name="connsiteY15" fmla="*/ 5223233 h 5223702"/>
              <a:gd name="connsiteX16" fmla="*/ 1076 w 10512510"/>
              <a:gd name="connsiteY16" fmla="*/ 4999192 h 5223702"/>
              <a:gd name="connsiteX17" fmla="*/ 1077 w 10512510"/>
              <a:gd name="connsiteY17" fmla="*/ 3771014 h 5223702"/>
              <a:gd name="connsiteX18" fmla="*/ 39191 w 10512510"/>
              <a:gd name="connsiteY18" fmla="*/ 3605613 h 5223702"/>
              <a:gd name="connsiteX19" fmla="*/ 1253940 w 10512510"/>
              <a:gd name="connsiteY19" fmla="*/ 1594475 h 5223702"/>
              <a:gd name="connsiteX20" fmla="*/ 1403680 w 10512510"/>
              <a:gd name="connsiteY20" fmla="*/ 1501747 h 5223702"/>
              <a:gd name="connsiteX0" fmla="*/ 1404232 w 10513062"/>
              <a:gd name="connsiteY0" fmla="*/ 1501747 h 5223286"/>
              <a:gd name="connsiteX1" fmla="*/ 5525655 w 10513062"/>
              <a:gd name="connsiteY1" fmla="*/ 1501379 h 5223286"/>
              <a:gd name="connsiteX2" fmla="*/ 5647613 w 10513062"/>
              <a:gd name="connsiteY2" fmla="*/ 1419322 h 5223286"/>
              <a:gd name="connsiteX3" fmla="*/ 6436065 w 10513062"/>
              <a:gd name="connsiteY3" fmla="*/ 101268 h 5223286"/>
              <a:gd name="connsiteX4" fmla="*/ 6606421 w 10513062"/>
              <a:gd name="connsiteY4" fmla="*/ 31 h 5223286"/>
              <a:gd name="connsiteX5" fmla="*/ 10288983 w 10513062"/>
              <a:gd name="connsiteY5" fmla="*/ 3684 h 5223286"/>
              <a:gd name="connsiteX6" fmla="*/ 10513062 w 10513062"/>
              <a:gd name="connsiteY6" fmla="*/ 227725 h 5223286"/>
              <a:gd name="connsiteX7" fmla="*/ 10513062 w 10513062"/>
              <a:gd name="connsiteY7" fmla="*/ 4999245 h 5223286"/>
              <a:gd name="connsiteX8" fmla="*/ 10288983 w 10513062"/>
              <a:gd name="connsiteY8" fmla="*/ 5223286 h 5223286"/>
              <a:gd name="connsiteX9" fmla="*/ 8648968 w 10513062"/>
              <a:gd name="connsiteY9" fmla="*/ 5223286 h 5223286"/>
              <a:gd name="connsiteX10" fmla="*/ 8424888 w 10513062"/>
              <a:gd name="connsiteY10" fmla="*/ 4999245 h 5223286"/>
              <a:gd name="connsiteX11" fmla="*/ 8424888 w 10513062"/>
              <a:gd name="connsiteY11" fmla="*/ 4292293 h 5223286"/>
              <a:gd name="connsiteX12" fmla="*/ 8008666 w 10513062"/>
              <a:gd name="connsiteY12" fmla="*/ 4177005 h 5223286"/>
              <a:gd name="connsiteX13" fmla="*/ 7446097 w 10513062"/>
              <a:gd name="connsiteY13" fmla="*/ 5114480 h 5223286"/>
              <a:gd name="connsiteX14" fmla="*/ 7253954 w 10513062"/>
              <a:gd name="connsiteY14" fmla="*/ 5223233 h 5223286"/>
              <a:gd name="connsiteX15" fmla="*/ 244757 w 10513062"/>
              <a:gd name="connsiteY15" fmla="*/ 5223233 h 5223286"/>
              <a:gd name="connsiteX16" fmla="*/ 1628 w 10513062"/>
              <a:gd name="connsiteY16" fmla="*/ 4999192 h 5223286"/>
              <a:gd name="connsiteX17" fmla="*/ 1629 w 10513062"/>
              <a:gd name="connsiteY17" fmla="*/ 3771014 h 5223286"/>
              <a:gd name="connsiteX18" fmla="*/ 39743 w 10513062"/>
              <a:gd name="connsiteY18" fmla="*/ 3605613 h 5223286"/>
              <a:gd name="connsiteX19" fmla="*/ 1254492 w 10513062"/>
              <a:gd name="connsiteY19" fmla="*/ 1594475 h 5223286"/>
              <a:gd name="connsiteX20" fmla="*/ 1404232 w 10513062"/>
              <a:gd name="connsiteY20" fmla="*/ 1501747 h 5223286"/>
              <a:gd name="connsiteX0" fmla="*/ 1404232 w 10513062"/>
              <a:gd name="connsiteY0" fmla="*/ 1501747 h 5223286"/>
              <a:gd name="connsiteX1" fmla="*/ 5525655 w 10513062"/>
              <a:gd name="connsiteY1" fmla="*/ 1501379 h 5223286"/>
              <a:gd name="connsiteX2" fmla="*/ 5647613 w 10513062"/>
              <a:gd name="connsiteY2" fmla="*/ 1419322 h 5223286"/>
              <a:gd name="connsiteX3" fmla="*/ 6436065 w 10513062"/>
              <a:gd name="connsiteY3" fmla="*/ 101268 h 5223286"/>
              <a:gd name="connsiteX4" fmla="*/ 6606421 w 10513062"/>
              <a:gd name="connsiteY4" fmla="*/ 31 h 5223286"/>
              <a:gd name="connsiteX5" fmla="*/ 10288983 w 10513062"/>
              <a:gd name="connsiteY5" fmla="*/ 3684 h 5223286"/>
              <a:gd name="connsiteX6" fmla="*/ 10513062 w 10513062"/>
              <a:gd name="connsiteY6" fmla="*/ 227725 h 5223286"/>
              <a:gd name="connsiteX7" fmla="*/ 10513062 w 10513062"/>
              <a:gd name="connsiteY7" fmla="*/ 4999245 h 5223286"/>
              <a:gd name="connsiteX8" fmla="*/ 10288983 w 10513062"/>
              <a:gd name="connsiteY8" fmla="*/ 5223286 h 5223286"/>
              <a:gd name="connsiteX9" fmla="*/ 8648968 w 10513062"/>
              <a:gd name="connsiteY9" fmla="*/ 5223286 h 5223286"/>
              <a:gd name="connsiteX10" fmla="*/ 8424888 w 10513062"/>
              <a:gd name="connsiteY10" fmla="*/ 4999245 h 5223286"/>
              <a:gd name="connsiteX11" fmla="*/ 8424888 w 10513062"/>
              <a:gd name="connsiteY11" fmla="*/ 4292293 h 5223286"/>
              <a:gd name="connsiteX12" fmla="*/ 8008666 w 10513062"/>
              <a:gd name="connsiteY12" fmla="*/ 4177005 h 5223286"/>
              <a:gd name="connsiteX13" fmla="*/ 7446097 w 10513062"/>
              <a:gd name="connsiteY13" fmla="*/ 5114480 h 5223286"/>
              <a:gd name="connsiteX14" fmla="*/ 7253954 w 10513062"/>
              <a:gd name="connsiteY14" fmla="*/ 5223233 h 5223286"/>
              <a:gd name="connsiteX15" fmla="*/ 244757 w 10513062"/>
              <a:gd name="connsiteY15" fmla="*/ 5223233 h 5223286"/>
              <a:gd name="connsiteX16" fmla="*/ 1628 w 10513062"/>
              <a:gd name="connsiteY16" fmla="*/ 4999192 h 5223286"/>
              <a:gd name="connsiteX17" fmla="*/ 1629 w 10513062"/>
              <a:gd name="connsiteY17" fmla="*/ 3771014 h 5223286"/>
              <a:gd name="connsiteX18" fmla="*/ 39743 w 10513062"/>
              <a:gd name="connsiteY18" fmla="*/ 3605613 h 5223286"/>
              <a:gd name="connsiteX19" fmla="*/ 1254492 w 10513062"/>
              <a:gd name="connsiteY19" fmla="*/ 1594475 h 5223286"/>
              <a:gd name="connsiteX20" fmla="*/ 1404232 w 10513062"/>
              <a:gd name="connsiteY20" fmla="*/ 1501747 h 5223286"/>
              <a:gd name="connsiteX0" fmla="*/ 1404732 w 10513562"/>
              <a:gd name="connsiteY0" fmla="*/ 1501747 h 5223286"/>
              <a:gd name="connsiteX1" fmla="*/ 5526155 w 10513562"/>
              <a:gd name="connsiteY1" fmla="*/ 1501379 h 5223286"/>
              <a:gd name="connsiteX2" fmla="*/ 5648113 w 10513562"/>
              <a:gd name="connsiteY2" fmla="*/ 1419322 h 5223286"/>
              <a:gd name="connsiteX3" fmla="*/ 6436565 w 10513562"/>
              <a:gd name="connsiteY3" fmla="*/ 101268 h 5223286"/>
              <a:gd name="connsiteX4" fmla="*/ 6606921 w 10513562"/>
              <a:gd name="connsiteY4" fmla="*/ 31 h 5223286"/>
              <a:gd name="connsiteX5" fmla="*/ 10289483 w 10513562"/>
              <a:gd name="connsiteY5" fmla="*/ 3684 h 5223286"/>
              <a:gd name="connsiteX6" fmla="*/ 10513562 w 10513562"/>
              <a:gd name="connsiteY6" fmla="*/ 227725 h 5223286"/>
              <a:gd name="connsiteX7" fmla="*/ 10513562 w 10513562"/>
              <a:gd name="connsiteY7" fmla="*/ 4999245 h 5223286"/>
              <a:gd name="connsiteX8" fmla="*/ 10289483 w 10513562"/>
              <a:gd name="connsiteY8" fmla="*/ 5223286 h 5223286"/>
              <a:gd name="connsiteX9" fmla="*/ 8649468 w 10513562"/>
              <a:gd name="connsiteY9" fmla="*/ 5223286 h 5223286"/>
              <a:gd name="connsiteX10" fmla="*/ 8425388 w 10513562"/>
              <a:gd name="connsiteY10" fmla="*/ 4999245 h 5223286"/>
              <a:gd name="connsiteX11" fmla="*/ 8425388 w 10513562"/>
              <a:gd name="connsiteY11" fmla="*/ 4292293 h 5223286"/>
              <a:gd name="connsiteX12" fmla="*/ 8009166 w 10513562"/>
              <a:gd name="connsiteY12" fmla="*/ 4177005 h 5223286"/>
              <a:gd name="connsiteX13" fmla="*/ 7446597 w 10513562"/>
              <a:gd name="connsiteY13" fmla="*/ 5114480 h 5223286"/>
              <a:gd name="connsiteX14" fmla="*/ 7254454 w 10513562"/>
              <a:gd name="connsiteY14" fmla="*/ 5223233 h 5223286"/>
              <a:gd name="connsiteX15" fmla="*/ 245257 w 10513562"/>
              <a:gd name="connsiteY15" fmla="*/ 5223233 h 5223286"/>
              <a:gd name="connsiteX16" fmla="*/ 2128 w 10513562"/>
              <a:gd name="connsiteY16" fmla="*/ 4999192 h 5223286"/>
              <a:gd name="connsiteX17" fmla="*/ 2129 w 10513562"/>
              <a:gd name="connsiteY17" fmla="*/ 3771014 h 5223286"/>
              <a:gd name="connsiteX18" fmla="*/ 40243 w 10513562"/>
              <a:gd name="connsiteY18" fmla="*/ 3605613 h 5223286"/>
              <a:gd name="connsiteX19" fmla="*/ 1254992 w 10513562"/>
              <a:gd name="connsiteY19" fmla="*/ 1594475 h 5223286"/>
              <a:gd name="connsiteX20" fmla="*/ 1404732 w 10513562"/>
              <a:gd name="connsiteY20" fmla="*/ 1501747 h 5223286"/>
              <a:gd name="connsiteX0" fmla="*/ 1402617 w 10511447"/>
              <a:gd name="connsiteY0" fmla="*/ 1501747 h 5223286"/>
              <a:gd name="connsiteX1" fmla="*/ 5524040 w 10511447"/>
              <a:gd name="connsiteY1" fmla="*/ 1501379 h 5223286"/>
              <a:gd name="connsiteX2" fmla="*/ 5645998 w 10511447"/>
              <a:gd name="connsiteY2" fmla="*/ 1419322 h 5223286"/>
              <a:gd name="connsiteX3" fmla="*/ 6434450 w 10511447"/>
              <a:gd name="connsiteY3" fmla="*/ 101268 h 5223286"/>
              <a:gd name="connsiteX4" fmla="*/ 6604806 w 10511447"/>
              <a:gd name="connsiteY4" fmla="*/ 31 h 5223286"/>
              <a:gd name="connsiteX5" fmla="*/ 10287368 w 10511447"/>
              <a:gd name="connsiteY5" fmla="*/ 3684 h 5223286"/>
              <a:gd name="connsiteX6" fmla="*/ 10511447 w 10511447"/>
              <a:gd name="connsiteY6" fmla="*/ 227725 h 5223286"/>
              <a:gd name="connsiteX7" fmla="*/ 10511447 w 10511447"/>
              <a:gd name="connsiteY7" fmla="*/ 4999245 h 5223286"/>
              <a:gd name="connsiteX8" fmla="*/ 10287368 w 10511447"/>
              <a:gd name="connsiteY8" fmla="*/ 5223286 h 5223286"/>
              <a:gd name="connsiteX9" fmla="*/ 8647353 w 10511447"/>
              <a:gd name="connsiteY9" fmla="*/ 5223286 h 5223286"/>
              <a:gd name="connsiteX10" fmla="*/ 8423273 w 10511447"/>
              <a:gd name="connsiteY10" fmla="*/ 4999245 h 5223286"/>
              <a:gd name="connsiteX11" fmla="*/ 8423273 w 10511447"/>
              <a:gd name="connsiteY11" fmla="*/ 4292293 h 5223286"/>
              <a:gd name="connsiteX12" fmla="*/ 8007051 w 10511447"/>
              <a:gd name="connsiteY12" fmla="*/ 4177005 h 5223286"/>
              <a:gd name="connsiteX13" fmla="*/ 7444482 w 10511447"/>
              <a:gd name="connsiteY13" fmla="*/ 5114480 h 5223286"/>
              <a:gd name="connsiteX14" fmla="*/ 7252339 w 10511447"/>
              <a:gd name="connsiteY14" fmla="*/ 5223233 h 5223286"/>
              <a:gd name="connsiteX15" fmla="*/ 243142 w 10511447"/>
              <a:gd name="connsiteY15" fmla="*/ 5223233 h 5223286"/>
              <a:gd name="connsiteX16" fmla="*/ 13 w 10511447"/>
              <a:gd name="connsiteY16" fmla="*/ 4999192 h 5223286"/>
              <a:gd name="connsiteX17" fmla="*/ 14 w 10511447"/>
              <a:gd name="connsiteY17" fmla="*/ 3771014 h 5223286"/>
              <a:gd name="connsiteX18" fmla="*/ 38128 w 10511447"/>
              <a:gd name="connsiteY18" fmla="*/ 3605613 h 5223286"/>
              <a:gd name="connsiteX19" fmla="*/ 1252877 w 10511447"/>
              <a:gd name="connsiteY19" fmla="*/ 1594475 h 5223286"/>
              <a:gd name="connsiteX20" fmla="*/ 1402617 w 10511447"/>
              <a:gd name="connsiteY20" fmla="*/ 1501747 h 5223286"/>
              <a:gd name="connsiteX0" fmla="*/ 1417614 w 10526444"/>
              <a:gd name="connsiteY0" fmla="*/ 1501747 h 5223286"/>
              <a:gd name="connsiteX1" fmla="*/ 5539037 w 10526444"/>
              <a:gd name="connsiteY1" fmla="*/ 1501379 h 5223286"/>
              <a:gd name="connsiteX2" fmla="*/ 5660995 w 10526444"/>
              <a:gd name="connsiteY2" fmla="*/ 1419322 h 5223286"/>
              <a:gd name="connsiteX3" fmla="*/ 6449447 w 10526444"/>
              <a:gd name="connsiteY3" fmla="*/ 101268 h 5223286"/>
              <a:gd name="connsiteX4" fmla="*/ 6619803 w 10526444"/>
              <a:gd name="connsiteY4" fmla="*/ 31 h 5223286"/>
              <a:gd name="connsiteX5" fmla="*/ 10302365 w 10526444"/>
              <a:gd name="connsiteY5" fmla="*/ 3684 h 5223286"/>
              <a:gd name="connsiteX6" fmla="*/ 10526444 w 10526444"/>
              <a:gd name="connsiteY6" fmla="*/ 227725 h 5223286"/>
              <a:gd name="connsiteX7" fmla="*/ 10526444 w 10526444"/>
              <a:gd name="connsiteY7" fmla="*/ 4999245 h 5223286"/>
              <a:gd name="connsiteX8" fmla="*/ 10302365 w 10526444"/>
              <a:gd name="connsiteY8" fmla="*/ 5223286 h 5223286"/>
              <a:gd name="connsiteX9" fmla="*/ 8662350 w 10526444"/>
              <a:gd name="connsiteY9" fmla="*/ 5223286 h 5223286"/>
              <a:gd name="connsiteX10" fmla="*/ 8438270 w 10526444"/>
              <a:gd name="connsiteY10" fmla="*/ 4999245 h 5223286"/>
              <a:gd name="connsiteX11" fmla="*/ 8438270 w 10526444"/>
              <a:gd name="connsiteY11" fmla="*/ 4292293 h 5223286"/>
              <a:gd name="connsiteX12" fmla="*/ 8022048 w 10526444"/>
              <a:gd name="connsiteY12" fmla="*/ 4177005 h 5223286"/>
              <a:gd name="connsiteX13" fmla="*/ 7459479 w 10526444"/>
              <a:gd name="connsiteY13" fmla="*/ 5114480 h 5223286"/>
              <a:gd name="connsiteX14" fmla="*/ 7267336 w 10526444"/>
              <a:gd name="connsiteY14" fmla="*/ 5223233 h 5223286"/>
              <a:gd name="connsiteX15" fmla="*/ 217658 w 10526444"/>
              <a:gd name="connsiteY15" fmla="*/ 5223233 h 5223286"/>
              <a:gd name="connsiteX16" fmla="*/ 15010 w 10526444"/>
              <a:gd name="connsiteY16" fmla="*/ 4999192 h 5223286"/>
              <a:gd name="connsiteX17" fmla="*/ 15011 w 10526444"/>
              <a:gd name="connsiteY17" fmla="*/ 3771014 h 5223286"/>
              <a:gd name="connsiteX18" fmla="*/ 53125 w 10526444"/>
              <a:gd name="connsiteY18" fmla="*/ 3605613 h 5223286"/>
              <a:gd name="connsiteX19" fmla="*/ 1267874 w 10526444"/>
              <a:gd name="connsiteY19" fmla="*/ 1594475 h 5223286"/>
              <a:gd name="connsiteX20" fmla="*/ 1417614 w 10526444"/>
              <a:gd name="connsiteY20" fmla="*/ 1501747 h 5223286"/>
              <a:gd name="connsiteX0" fmla="*/ 1417614 w 10526444"/>
              <a:gd name="connsiteY0" fmla="*/ 1501747 h 5223286"/>
              <a:gd name="connsiteX1" fmla="*/ 5539037 w 10526444"/>
              <a:gd name="connsiteY1" fmla="*/ 1501379 h 5223286"/>
              <a:gd name="connsiteX2" fmla="*/ 5660995 w 10526444"/>
              <a:gd name="connsiteY2" fmla="*/ 1419322 h 5223286"/>
              <a:gd name="connsiteX3" fmla="*/ 6449447 w 10526444"/>
              <a:gd name="connsiteY3" fmla="*/ 101268 h 5223286"/>
              <a:gd name="connsiteX4" fmla="*/ 6619803 w 10526444"/>
              <a:gd name="connsiteY4" fmla="*/ 31 h 5223286"/>
              <a:gd name="connsiteX5" fmla="*/ 10302365 w 10526444"/>
              <a:gd name="connsiteY5" fmla="*/ 3684 h 5223286"/>
              <a:gd name="connsiteX6" fmla="*/ 10526444 w 10526444"/>
              <a:gd name="connsiteY6" fmla="*/ 227725 h 5223286"/>
              <a:gd name="connsiteX7" fmla="*/ 10526444 w 10526444"/>
              <a:gd name="connsiteY7" fmla="*/ 4999245 h 5223286"/>
              <a:gd name="connsiteX8" fmla="*/ 10302365 w 10526444"/>
              <a:gd name="connsiteY8" fmla="*/ 5223286 h 5223286"/>
              <a:gd name="connsiteX9" fmla="*/ 8662350 w 10526444"/>
              <a:gd name="connsiteY9" fmla="*/ 5223286 h 5223286"/>
              <a:gd name="connsiteX10" fmla="*/ 8438270 w 10526444"/>
              <a:gd name="connsiteY10" fmla="*/ 4999245 h 5223286"/>
              <a:gd name="connsiteX11" fmla="*/ 8438270 w 10526444"/>
              <a:gd name="connsiteY11" fmla="*/ 4292293 h 5223286"/>
              <a:gd name="connsiteX12" fmla="*/ 8022048 w 10526444"/>
              <a:gd name="connsiteY12" fmla="*/ 4177005 h 5223286"/>
              <a:gd name="connsiteX13" fmla="*/ 7459479 w 10526444"/>
              <a:gd name="connsiteY13" fmla="*/ 5114480 h 5223286"/>
              <a:gd name="connsiteX14" fmla="*/ 7267336 w 10526444"/>
              <a:gd name="connsiteY14" fmla="*/ 5223233 h 5223286"/>
              <a:gd name="connsiteX15" fmla="*/ 217658 w 10526444"/>
              <a:gd name="connsiteY15" fmla="*/ 5223233 h 5223286"/>
              <a:gd name="connsiteX16" fmla="*/ 15010 w 10526444"/>
              <a:gd name="connsiteY16" fmla="*/ 4999192 h 5223286"/>
              <a:gd name="connsiteX17" fmla="*/ 15011 w 10526444"/>
              <a:gd name="connsiteY17" fmla="*/ 3771014 h 5223286"/>
              <a:gd name="connsiteX18" fmla="*/ 53125 w 10526444"/>
              <a:gd name="connsiteY18" fmla="*/ 3605613 h 5223286"/>
              <a:gd name="connsiteX19" fmla="*/ 1267874 w 10526444"/>
              <a:gd name="connsiteY19" fmla="*/ 1594475 h 5223286"/>
              <a:gd name="connsiteX20" fmla="*/ 1417614 w 10526444"/>
              <a:gd name="connsiteY20" fmla="*/ 1501747 h 5223286"/>
              <a:gd name="connsiteX0" fmla="*/ 1404915 w 10513745"/>
              <a:gd name="connsiteY0" fmla="*/ 1501747 h 5223286"/>
              <a:gd name="connsiteX1" fmla="*/ 5526338 w 10513745"/>
              <a:gd name="connsiteY1" fmla="*/ 1501379 h 5223286"/>
              <a:gd name="connsiteX2" fmla="*/ 5648296 w 10513745"/>
              <a:gd name="connsiteY2" fmla="*/ 1419322 h 5223286"/>
              <a:gd name="connsiteX3" fmla="*/ 6436748 w 10513745"/>
              <a:gd name="connsiteY3" fmla="*/ 101268 h 5223286"/>
              <a:gd name="connsiteX4" fmla="*/ 6607104 w 10513745"/>
              <a:gd name="connsiteY4" fmla="*/ 31 h 5223286"/>
              <a:gd name="connsiteX5" fmla="*/ 10289666 w 10513745"/>
              <a:gd name="connsiteY5" fmla="*/ 3684 h 5223286"/>
              <a:gd name="connsiteX6" fmla="*/ 10513745 w 10513745"/>
              <a:gd name="connsiteY6" fmla="*/ 227725 h 5223286"/>
              <a:gd name="connsiteX7" fmla="*/ 10513745 w 10513745"/>
              <a:gd name="connsiteY7" fmla="*/ 4999245 h 5223286"/>
              <a:gd name="connsiteX8" fmla="*/ 10289666 w 10513745"/>
              <a:gd name="connsiteY8" fmla="*/ 5223286 h 5223286"/>
              <a:gd name="connsiteX9" fmla="*/ 8649651 w 10513745"/>
              <a:gd name="connsiteY9" fmla="*/ 5223286 h 5223286"/>
              <a:gd name="connsiteX10" fmla="*/ 8425571 w 10513745"/>
              <a:gd name="connsiteY10" fmla="*/ 4999245 h 5223286"/>
              <a:gd name="connsiteX11" fmla="*/ 8425571 w 10513745"/>
              <a:gd name="connsiteY11" fmla="*/ 4292293 h 5223286"/>
              <a:gd name="connsiteX12" fmla="*/ 8009349 w 10513745"/>
              <a:gd name="connsiteY12" fmla="*/ 4177005 h 5223286"/>
              <a:gd name="connsiteX13" fmla="*/ 7446780 w 10513745"/>
              <a:gd name="connsiteY13" fmla="*/ 5114480 h 5223286"/>
              <a:gd name="connsiteX14" fmla="*/ 7254637 w 10513745"/>
              <a:gd name="connsiteY14" fmla="*/ 5223233 h 5223286"/>
              <a:gd name="connsiteX15" fmla="*/ 204959 w 10513745"/>
              <a:gd name="connsiteY15" fmla="*/ 5223233 h 5223286"/>
              <a:gd name="connsiteX16" fmla="*/ 2311 w 10513745"/>
              <a:gd name="connsiteY16" fmla="*/ 4999192 h 5223286"/>
              <a:gd name="connsiteX17" fmla="*/ 2312 w 10513745"/>
              <a:gd name="connsiteY17" fmla="*/ 3771014 h 5223286"/>
              <a:gd name="connsiteX18" fmla="*/ 40426 w 10513745"/>
              <a:gd name="connsiteY18" fmla="*/ 3605613 h 5223286"/>
              <a:gd name="connsiteX19" fmla="*/ 1255175 w 10513745"/>
              <a:gd name="connsiteY19" fmla="*/ 1594475 h 5223286"/>
              <a:gd name="connsiteX20" fmla="*/ 1404915 w 10513745"/>
              <a:gd name="connsiteY20" fmla="*/ 1501747 h 5223286"/>
              <a:gd name="connsiteX0" fmla="*/ 1404915 w 10513745"/>
              <a:gd name="connsiteY0" fmla="*/ 1501747 h 5223286"/>
              <a:gd name="connsiteX1" fmla="*/ 5526338 w 10513745"/>
              <a:gd name="connsiteY1" fmla="*/ 1501379 h 5223286"/>
              <a:gd name="connsiteX2" fmla="*/ 5648296 w 10513745"/>
              <a:gd name="connsiteY2" fmla="*/ 1419322 h 5223286"/>
              <a:gd name="connsiteX3" fmla="*/ 6436748 w 10513745"/>
              <a:gd name="connsiteY3" fmla="*/ 101268 h 5223286"/>
              <a:gd name="connsiteX4" fmla="*/ 6607104 w 10513745"/>
              <a:gd name="connsiteY4" fmla="*/ 31 h 5223286"/>
              <a:gd name="connsiteX5" fmla="*/ 10289666 w 10513745"/>
              <a:gd name="connsiteY5" fmla="*/ 3684 h 5223286"/>
              <a:gd name="connsiteX6" fmla="*/ 10513745 w 10513745"/>
              <a:gd name="connsiteY6" fmla="*/ 227725 h 5223286"/>
              <a:gd name="connsiteX7" fmla="*/ 10513745 w 10513745"/>
              <a:gd name="connsiteY7" fmla="*/ 4999245 h 5223286"/>
              <a:gd name="connsiteX8" fmla="*/ 10289666 w 10513745"/>
              <a:gd name="connsiteY8" fmla="*/ 5223286 h 5223286"/>
              <a:gd name="connsiteX9" fmla="*/ 8649651 w 10513745"/>
              <a:gd name="connsiteY9" fmla="*/ 5223286 h 5223286"/>
              <a:gd name="connsiteX10" fmla="*/ 8425571 w 10513745"/>
              <a:gd name="connsiteY10" fmla="*/ 4999245 h 5223286"/>
              <a:gd name="connsiteX11" fmla="*/ 8425571 w 10513745"/>
              <a:gd name="connsiteY11" fmla="*/ 4292293 h 5223286"/>
              <a:gd name="connsiteX12" fmla="*/ 8009349 w 10513745"/>
              <a:gd name="connsiteY12" fmla="*/ 4177005 h 5223286"/>
              <a:gd name="connsiteX13" fmla="*/ 7446780 w 10513745"/>
              <a:gd name="connsiteY13" fmla="*/ 5114480 h 5223286"/>
              <a:gd name="connsiteX14" fmla="*/ 7254637 w 10513745"/>
              <a:gd name="connsiteY14" fmla="*/ 5223233 h 5223286"/>
              <a:gd name="connsiteX15" fmla="*/ 204959 w 10513745"/>
              <a:gd name="connsiteY15" fmla="*/ 5223233 h 5223286"/>
              <a:gd name="connsiteX16" fmla="*/ 2311 w 10513745"/>
              <a:gd name="connsiteY16" fmla="*/ 4999192 h 5223286"/>
              <a:gd name="connsiteX17" fmla="*/ 2312 w 10513745"/>
              <a:gd name="connsiteY17" fmla="*/ 3771014 h 5223286"/>
              <a:gd name="connsiteX18" fmla="*/ 40426 w 10513745"/>
              <a:gd name="connsiteY18" fmla="*/ 3605613 h 5223286"/>
              <a:gd name="connsiteX19" fmla="*/ 1255175 w 10513745"/>
              <a:gd name="connsiteY19" fmla="*/ 1594475 h 5223286"/>
              <a:gd name="connsiteX20" fmla="*/ 1404915 w 10513745"/>
              <a:gd name="connsiteY20" fmla="*/ 1501747 h 5223286"/>
              <a:gd name="connsiteX0" fmla="*/ 1402798 w 10511628"/>
              <a:gd name="connsiteY0" fmla="*/ 1501747 h 5223286"/>
              <a:gd name="connsiteX1" fmla="*/ 5524221 w 10511628"/>
              <a:gd name="connsiteY1" fmla="*/ 1501379 h 5223286"/>
              <a:gd name="connsiteX2" fmla="*/ 5646179 w 10511628"/>
              <a:gd name="connsiteY2" fmla="*/ 1419322 h 5223286"/>
              <a:gd name="connsiteX3" fmla="*/ 6434631 w 10511628"/>
              <a:gd name="connsiteY3" fmla="*/ 101268 h 5223286"/>
              <a:gd name="connsiteX4" fmla="*/ 6604987 w 10511628"/>
              <a:gd name="connsiteY4" fmla="*/ 31 h 5223286"/>
              <a:gd name="connsiteX5" fmla="*/ 10287549 w 10511628"/>
              <a:gd name="connsiteY5" fmla="*/ 3684 h 5223286"/>
              <a:gd name="connsiteX6" fmla="*/ 10511628 w 10511628"/>
              <a:gd name="connsiteY6" fmla="*/ 227725 h 5223286"/>
              <a:gd name="connsiteX7" fmla="*/ 10511628 w 10511628"/>
              <a:gd name="connsiteY7" fmla="*/ 4999245 h 5223286"/>
              <a:gd name="connsiteX8" fmla="*/ 10287549 w 10511628"/>
              <a:gd name="connsiteY8" fmla="*/ 5223286 h 5223286"/>
              <a:gd name="connsiteX9" fmla="*/ 8647534 w 10511628"/>
              <a:gd name="connsiteY9" fmla="*/ 5223286 h 5223286"/>
              <a:gd name="connsiteX10" fmla="*/ 8423454 w 10511628"/>
              <a:gd name="connsiteY10" fmla="*/ 4999245 h 5223286"/>
              <a:gd name="connsiteX11" fmla="*/ 8423454 w 10511628"/>
              <a:gd name="connsiteY11" fmla="*/ 4292293 h 5223286"/>
              <a:gd name="connsiteX12" fmla="*/ 8007232 w 10511628"/>
              <a:gd name="connsiteY12" fmla="*/ 4177005 h 5223286"/>
              <a:gd name="connsiteX13" fmla="*/ 7444663 w 10511628"/>
              <a:gd name="connsiteY13" fmla="*/ 5114480 h 5223286"/>
              <a:gd name="connsiteX14" fmla="*/ 7252520 w 10511628"/>
              <a:gd name="connsiteY14" fmla="*/ 5223233 h 5223286"/>
              <a:gd name="connsiteX15" fmla="*/ 202842 w 10511628"/>
              <a:gd name="connsiteY15" fmla="*/ 5223233 h 5223286"/>
              <a:gd name="connsiteX16" fmla="*/ 194 w 10511628"/>
              <a:gd name="connsiteY16" fmla="*/ 4999192 h 5223286"/>
              <a:gd name="connsiteX17" fmla="*/ 195 w 10511628"/>
              <a:gd name="connsiteY17" fmla="*/ 3771014 h 5223286"/>
              <a:gd name="connsiteX18" fmla="*/ 38309 w 10511628"/>
              <a:gd name="connsiteY18" fmla="*/ 3605613 h 5223286"/>
              <a:gd name="connsiteX19" fmla="*/ 1253058 w 10511628"/>
              <a:gd name="connsiteY19" fmla="*/ 1594475 h 5223286"/>
              <a:gd name="connsiteX20" fmla="*/ 1402798 w 10511628"/>
              <a:gd name="connsiteY20" fmla="*/ 1501747 h 5223286"/>
              <a:gd name="connsiteX0" fmla="*/ 1402798 w 10511628"/>
              <a:gd name="connsiteY0" fmla="*/ 1501747 h 5223286"/>
              <a:gd name="connsiteX1" fmla="*/ 5524221 w 10511628"/>
              <a:gd name="connsiteY1" fmla="*/ 1501379 h 5223286"/>
              <a:gd name="connsiteX2" fmla="*/ 5646179 w 10511628"/>
              <a:gd name="connsiteY2" fmla="*/ 1419322 h 5223286"/>
              <a:gd name="connsiteX3" fmla="*/ 6434631 w 10511628"/>
              <a:gd name="connsiteY3" fmla="*/ 101268 h 5223286"/>
              <a:gd name="connsiteX4" fmla="*/ 6604987 w 10511628"/>
              <a:gd name="connsiteY4" fmla="*/ 31 h 5223286"/>
              <a:gd name="connsiteX5" fmla="*/ 10287549 w 10511628"/>
              <a:gd name="connsiteY5" fmla="*/ 3684 h 5223286"/>
              <a:gd name="connsiteX6" fmla="*/ 10511628 w 10511628"/>
              <a:gd name="connsiteY6" fmla="*/ 227725 h 5223286"/>
              <a:gd name="connsiteX7" fmla="*/ 10511628 w 10511628"/>
              <a:gd name="connsiteY7" fmla="*/ 4999245 h 5223286"/>
              <a:gd name="connsiteX8" fmla="*/ 10287549 w 10511628"/>
              <a:gd name="connsiteY8" fmla="*/ 5223286 h 5223286"/>
              <a:gd name="connsiteX9" fmla="*/ 8647534 w 10511628"/>
              <a:gd name="connsiteY9" fmla="*/ 5223286 h 5223286"/>
              <a:gd name="connsiteX10" fmla="*/ 8423454 w 10511628"/>
              <a:gd name="connsiteY10" fmla="*/ 4999245 h 5223286"/>
              <a:gd name="connsiteX11" fmla="*/ 8423454 w 10511628"/>
              <a:gd name="connsiteY11" fmla="*/ 4292293 h 5223286"/>
              <a:gd name="connsiteX12" fmla="*/ 8007232 w 10511628"/>
              <a:gd name="connsiteY12" fmla="*/ 4177005 h 5223286"/>
              <a:gd name="connsiteX13" fmla="*/ 7444663 w 10511628"/>
              <a:gd name="connsiteY13" fmla="*/ 5114480 h 5223286"/>
              <a:gd name="connsiteX14" fmla="*/ 7252520 w 10511628"/>
              <a:gd name="connsiteY14" fmla="*/ 5223233 h 5223286"/>
              <a:gd name="connsiteX15" fmla="*/ 202842 w 10511628"/>
              <a:gd name="connsiteY15" fmla="*/ 5223233 h 5223286"/>
              <a:gd name="connsiteX16" fmla="*/ 194 w 10511628"/>
              <a:gd name="connsiteY16" fmla="*/ 4999192 h 5223286"/>
              <a:gd name="connsiteX17" fmla="*/ 195 w 10511628"/>
              <a:gd name="connsiteY17" fmla="*/ 3771014 h 5223286"/>
              <a:gd name="connsiteX18" fmla="*/ 38309 w 10511628"/>
              <a:gd name="connsiteY18" fmla="*/ 3605613 h 5223286"/>
              <a:gd name="connsiteX19" fmla="*/ 1253058 w 10511628"/>
              <a:gd name="connsiteY19" fmla="*/ 1594475 h 5223286"/>
              <a:gd name="connsiteX20" fmla="*/ 1402798 w 10511628"/>
              <a:gd name="connsiteY20" fmla="*/ 1501747 h 5223286"/>
              <a:gd name="connsiteX0" fmla="*/ 1402798 w 10511628"/>
              <a:gd name="connsiteY0" fmla="*/ 1501747 h 5223286"/>
              <a:gd name="connsiteX1" fmla="*/ 5524221 w 10511628"/>
              <a:gd name="connsiteY1" fmla="*/ 1501379 h 5223286"/>
              <a:gd name="connsiteX2" fmla="*/ 5646179 w 10511628"/>
              <a:gd name="connsiteY2" fmla="*/ 1419322 h 5223286"/>
              <a:gd name="connsiteX3" fmla="*/ 6434631 w 10511628"/>
              <a:gd name="connsiteY3" fmla="*/ 101268 h 5223286"/>
              <a:gd name="connsiteX4" fmla="*/ 6604987 w 10511628"/>
              <a:gd name="connsiteY4" fmla="*/ 31 h 5223286"/>
              <a:gd name="connsiteX5" fmla="*/ 10287549 w 10511628"/>
              <a:gd name="connsiteY5" fmla="*/ 3684 h 5223286"/>
              <a:gd name="connsiteX6" fmla="*/ 10511628 w 10511628"/>
              <a:gd name="connsiteY6" fmla="*/ 227725 h 5223286"/>
              <a:gd name="connsiteX7" fmla="*/ 10511628 w 10511628"/>
              <a:gd name="connsiteY7" fmla="*/ 4999245 h 5223286"/>
              <a:gd name="connsiteX8" fmla="*/ 10287549 w 10511628"/>
              <a:gd name="connsiteY8" fmla="*/ 5223286 h 5223286"/>
              <a:gd name="connsiteX9" fmla="*/ 8647534 w 10511628"/>
              <a:gd name="connsiteY9" fmla="*/ 5223286 h 5223286"/>
              <a:gd name="connsiteX10" fmla="*/ 8423454 w 10511628"/>
              <a:gd name="connsiteY10" fmla="*/ 4999245 h 5223286"/>
              <a:gd name="connsiteX11" fmla="*/ 8423454 w 10511628"/>
              <a:gd name="connsiteY11" fmla="*/ 4292293 h 5223286"/>
              <a:gd name="connsiteX12" fmla="*/ 8007232 w 10511628"/>
              <a:gd name="connsiteY12" fmla="*/ 4177005 h 5223286"/>
              <a:gd name="connsiteX13" fmla="*/ 7444663 w 10511628"/>
              <a:gd name="connsiteY13" fmla="*/ 5114480 h 5223286"/>
              <a:gd name="connsiteX14" fmla="*/ 7252520 w 10511628"/>
              <a:gd name="connsiteY14" fmla="*/ 5223233 h 5223286"/>
              <a:gd name="connsiteX15" fmla="*/ 202842 w 10511628"/>
              <a:gd name="connsiteY15" fmla="*/ 5223233 h 5223286"/>
              <a:gd name="connsiteX16" fmla="*/ 194 w 10511628"/>
              <a:gd name="connsiteY16" fmla="*/ 4999192 h 5223286"/>
              <a:gd name="connsiteX17" fmla="*/ 195 w 10511628"/>
              <a:gd name="connsiteY17" fmla="*/ 3771014 h 5223286"/>
              <a:gd name="connsiteX18" fmla="*/ 38309 w 10511628"/>
              <a:gd name="connsiteY18" fmla="*/ 3605613 h 5223286"/>
              <a:gd name="connsiteX19" fmla="*/ 1253058 w 10511628"/>
              <a:gd name="connsiteY19" fmla="*/ 1594475 h 5223286"/>
              <a:gd name="connsiteX20" fmla="*/ 1402798 w 10511628"/>
              <a:gd name="connsiteY20" fmla="*/ 1501747 h 5223286"/>
              <a:gd name="connsiteX0" fmla="*/ 1405878 w 10514708"/>
              <a:gd name="connsiteY0" fmla="*/ 1501747 h 5223286"/>
              <a:gd name="connsiteX1" fmla="*/ 5527301 w 10514708"/>
              <a:gd name="connsiteY1" fmla="*/ 1501379 h 5223286"/>
              <a:gd name="connsiteX2" fmla="*/ 5649259 w 10514708"/>
              <a:gd name="connsiteY2" fmla="*/ 1419322 h 5223286"/>
              <a:gd name="connsiteX3" fmla="*/ 6437711 w 10514708"/>
              <a:gd name="connsiteY3" fmla="*/ 101268 h 5223286"/>
              <a:gd name="connsiteX4" fmla="*/ 6608067 w 10514708"/>
              <a:gd name="connsiteY4" fmla="*/ 31 h 5223286"/>
              <a:gd name="connsiteX5" fmla="*/ 10290629 w 10514708"/>
              <a:gd name="connsiteY5" fmla="*/ 3684 h 5223286"/>
              <a:gd name="connsiteX6" fmla="*/ 10514708 w 10514708"/>
              <a:gd name="connsiteY6" fmla="*/ 227725 h 5223286"/>
              <a:gd name="connsiteX7" fmla="*/ 10514708 w 10514708"/>
              <a:gd name="connsiteY7" fmla="*/ 4999245 h 5223286"/>
              <a:gd name="connsiteX8" fmla="*/ 10290629 w 10514708"/>
              <a:gd name="connsiteY8" fmla="*/ 5223286 h 5223286"/>
              <a:gd name="connsiteX9" fmla="*/ 8650614 w 10514708"/>
              <a:gd name="connsiteY9" fmla="*/ 5223286 h 5223286"/>
              <a:gd name="connsiteX10" fmla="*/ 8426534 w 10514708"/>
              <a:gd name="connsiteY10" fmla="*/ 4999245 h 5223286"/>
              <a:gd name="connsiteX11" fmla="*/ 8426534 w 10514708"/>
              <a:gd name="connsiteY11" fmla="*/ 4292293 h 5223286"/>
              <a:gd name="connsiteX12" fmla="*/ 8010312 w 10514708"/>
              <a:gd name="connsiteY12" fmla="*/ 4177005 h 5223286"/>
              <a:gd name="connsiteX13" fmla="*/ 7447743 w 10514708"/>
              <a:gd name="connsiteY13" fmla="*/ 5114480 h 5223286"/>
              <a:gd name="connsiteX14" fmla="*/ 7255600 w 10514708"/>
              <a:gd name="connsiteY14" fmla="*/ 5223233 h 5223286"/>
              <a:gd name="connsiteX15" fmla="*/ 205922 w 10514708"/>
              <a:gd name="connsiteY15" fmla="*/ 5223233 h 5223286"/>
              <a:gd name="connsiteX16" fmla="*/ 3274 w 10514708"/>
              <a:gd name="connsiteY16" fmla="*/ 4999192 h 5223286"/>
              <a:gd name="connsiteX17" fmla="*/ 3275 w 10514708"/>
              <a:gd name="connsiteY17" fmla="*/ 3771014 h 5223286"/>
              <a:gd name="connsiteX18" fmla="*/ 46151 w 10514708"/>
              <a:gd name="connsiteY18" fmla="*/ 3400825 h 5223286"/>
              <a:gd name="connsiteX19" fmla="*/ 1256138 w 10514708"/>
              <a:gd name="connsiteY19" fmla="*/ 1594475 h 5223286"/>
              <a:gd name="connsiteX20" fmla="*/ 1405878 w 10514708"/>
              <a:gd name="connsiteY20" fmla="*/ 1501747 h 5223286"/>
              <a:gd name="connsiteX0" fmla="*/ 1407714 w 10516544"/>
              <a:gd name="connsiteY0" fmla="*/ 1501747 h 5223286"/>
              <a:gd name="connsiteX1" fmla="*/ 5529137 w 10516544"/>
              <a:gd name="connsiteY1" fmla="*/ 1501379 h 5223286"/>
              <a:gd name="connsiteX2" fmla="*/ 5651095 w 10516544"/>
              <a:gd name="connsiteY2" fmla="*/ 1419322 h 5223286"/>
              <a:gd name="connsiteX3" fmla="*/ 6439547 w 10516544"/>
              <a:gd name="connsiteY3" fmla="*/ 101268 h 5223286"/>
              <a:gd name="connsiteX4" fmla="*/ 6609903 w 10516544"/>
              <a:gd name="connsiteY4" fmla="*/ 31 h 5223286"/>
              <a:gd name="connsiteX5" fmla="*/ 10292465 w 10516544"/>
              <a:gd name="connsiteY5" fmla="*/ 3684 h 5223286"/>
              <a:gd name="connsiteX6" fmla="*/ 10516544 w 10516544"/>
              <a:gd name="connsiteY6" fmla="*/ 227725 h 5223286"/>
              <a:gd name="connsiteX7" fmla="*/ 10516544 w 10516544"/>
              <a:gd name="connsiteY7" fmla="*/ 4999245 h 5223286"/>
              <a:gd name="connsiteX8" fmla="*/ 10292465 w 10516544"/>
              <a:gd name="connsiteY8" fmla="*/ 5223286 h 5223286"/>
              <a:gd name="connsiteX9" fmla="*/ 8652450 w 10516544"/>
              <a:gd name="connsiteY9" fmla="*/ 5223286 h 5223286"/>
              <a:gd name="connsiteX10" fmla="*/ 8428370 w 10516544"/>
              <a:gd name="connsiteY10" fmla="*/ 4999245 h 5223286"/>
              <a:gd name="connsiteX11" fmla="*/ 8428370 w 10516544"/>
              <a:gd name="connsiteY11" fmla="*/ 4292293 h 5223286"/>
              <a:gd name="connsiteX12" fmla="*/ 8012148 w 10516544"/>
              <a:gd name="connsiteY12" fmla="*/ 4177005 h 5223286"/>
              <a:gd name="connsiteX13" fmla="*/ 7449579 w 10516544"/>
              <a:gd name="connsiteY13" fmla="*/ 5114480 h 5223286"/>
              <a:gd name="connsiteX14" fmla="*/ 7257436 w 10516544"/>
              <a:gd name="connsiteY14" fmla="*/ 5223233 h 5223286"/>
              <a:gd name="connsiteX15" fmla="*/ 207758 w 10516544"/>
              <a:gd name="connsiteY15" fmla="*/ 5223233 h 5223286"/>
              <a:gd name="connsiteX16" fmla="*/ 5110 w 10516544"/>
              <a:gd name="connsiteY16" fmla="*/ 4999192 h 5223286"/>
              <a:gd name="connsiteX17" fmla="*/ 2730 w 10516544"/>
              <a:gd name="connsiteY17" fmla="*/ 3540033 h 5223286"/>
              <a:gd name="connsiteX18" fmla="*/ 47987 w 10516544"/>
              <a:gd name="connsiteY18" fmla="*/ 3400825 h 5223286"/>
              <a:gd name="connsiteX19" fmla="*/ 1257974 w 10516544"/>
              <a:gd name="connsiteY19" fmla="*/ 1594475 h 5223286"/>
              <a:gd name="connsiteX20" fmla="*/ 1407714 w 10516544"/>
              <a:gd name="connsiteY20" fmla="*/ 1501747 h 5223286"/>
              <a:gd name="connsiteX0" fmla="*/ 1407714 w 10516544"/>
              <a:gd name="connsiteY0" fmla="*/ 1501747 h 5223286"/>
              <a:gd name="connsiteX1" fmla="*/ 5529137 w 10516544"/>
              <a:gd name="connsiteY1" fmla="*/ 1501379 h 5223286"/>
              <a:gd name="connsiteX2" fmla="*/ 5651095 w 10516544"/>
              <a:gd name="connsiteY2" fmla="*/ 1419322 h 5223286"/>
              <a:gd name="connsiteX3" fmla="*/ 6439547 w 10516544"/>
              <a:gd name="connsiteY3" fmla="*/ 101268 h 5223286"/>
              <a:gd name="connsiteX4" fmla="*/ 6609903 w 10516544"/>
              <a:gd name="connsiteY4" fmla="*/ 31 h 5223286"/>
              <a:gd name="connsiteX5" fmla="*/ 10292465 w 10516544"/>
              <a:gd name="connsiteY5" fmla="*/ 3684 h 5223286"/>
              <a:gd name="connsiteX6" fmla="*/ 10516544 w 10516544"/>
              <a:gd name="connsiteY6" fmla="*/ 227725 h 5223286"/>
              <a:gd name="connsiteX7" fmla="*/ 10516544 w 10516544"/>
              <a:gd name="connsiteY7" fmla="*/ 4999245 h 5223286"/>
              <a:gd name="connsiteX8" fmla="*/ 10292465 w 10516544"/>
              <a:gd name="connsiteY8" fmla="*/ 5223286 h 5223286"/>
              <a:gd name="connsiteX9" fmla="*/ 8652450 w 10516544"/>
              <a:gd name="connsiteY9" fmla="*/ 5223286 h 5223286"/>
              <a:gd name="connsiteX10" fmla="*/ 8428370 w 10516544"/>
              <a:gd name="connsiteY10" fmla="*/ 4999245 h 5223286"/>
              <a:gd name="connsiteX11" fmla="*/ 8428370 w 10516544"/>
              <a:gd name="connsiteY11" fmla="*/ 4292293 h 5223286"/>
              <a:gd name="connsiteX12" fmla="*/ 8012148 w 10516544"/>
              <a:gd name="connsiteY12" fmla="*/ 4177005 h 5223286"/>
              <a:gd name="connsiteX13" fmla="*/ 7449579 w 10516544"/>
              <a:gd name="connsiteY13" fmla="*/ 5114480 h 5223286"/>
              <a:gd name="connsiteX14" fmla="*/ 7257436 w 10516544"/>
              <a:gd name="connsiteY14" fmla="*/ 5223233 h 5223286"/>
              <a:gd name="connsiteX15" fmla="*/ 207758 w 10516544"/>
              <a:gd name="connsiteY15" fmla="*/ 5223233 h 5223286"/>
              <a:gd name="connsiteX16" fmla="*/ 5110 w 10516544"/>
              <a:gd name="connsiteY16" fmla="*/ 4999192 h 5223286"/>
              <a:gd name="connsiteX17" fmla="*/ 2730 w 10516544"/>
              <a:gd name="connsiteY17" fmla="*/ 3540033 h 5223286"/>
              <a:gd name="connsiteX18" fmla="*/ 47987 w 10516544"/>
              <a:gd name="connsiteY18" fmla="*/ 3400825 h 5223286"/>
              <a:gd name="connsiteX19" fmla="*/ 1257974 w 10516544"/>
              <a:gd name="connsiteY19" fmla="*/ 1594475 h 5223286"/>
              <a:gd name="connsiteX20" fmla="*/ 1407714 w 10516544"/>
              <a:gd name="connsiteY20" fmla="*/ 1501747 h 5223286"/>
              <a:gd name="connsiteX0" fmla="*/ 1405697 w 10514527"/>
              <a:gd name="connsiteY0" fmla="*/ 1501747 h 5223286"/>
              <a:gd name="connsiteX1" fmla="*/ 5527120 w 10514527"/>
              <a:gd name="connsiteY1" fmla="*/ 1501379 h 5223286"/>
              <a:gd name="connsiteX2" fmla="*/ 5649078 w 10514527"/>
              <a:gd name="connsiteY2" fmla="*/ 1419322 h 5223286"/>
              <a:gd name="connsiteX3" fmla="*/ 6437530 w 10514527"/>
              <a:gd name="connsiteY3" fmla="*/ 101268 h 5223286"/>
              <a:gd name="connsiteX4" fmla="*/ 6607886 w 10514527"/>
              <a:gd name="connsiteY4" fmla="*/ 31 h 5223286"/>
              <a:gd name="connsiteX5" fmla="*/ 10290448 w 10514527"/>
              <a:gd name="connsiteY5" fmla="*/ 3684 h 5223286"/>
              <a:gd name="connsiteX6" fmla="*/ 10514527 w 10514527"/>
              <a:gd name="connsiteY6" fmla="*/ 227725 h 5223286"/>
              <a:gd name="connsiteX7" fmla="*/ 10514527 w 10514527"/>
              <a:gd name="connsiteY7" fmla="*/ 4999245 h 5223286"/>
              <a:gd name="connsiteX8" fmla="*/ 10290448 w 10514527"/>
              <a:gd name="connsiteY8" fmla="*/ 5223286 h 5223286"/>
              <a:gd name="connsiteX9" fmla="*/ 8650433 w 10514527"/>
              <a:gd name="connsiteY9" fmla="*/ 5223286 h 5223286"/>
              <a:gd name="connsiteX10" fmla="*/ 8426353 w 10514527"/>
              <a:gd name="connsiteY10" fmla="*/ 4999245 h 5223286"/>
              <a:gd name="connsiteX11" fmla="*/ 8426353 w 10514527"/>
              <a:gd name="connsiteY11" fmla="*/ 4292293 h 5223286"/>
              <a:gd name="connsiteX12" fmla="*/ 8010131 w 10514527"/>
              <a:gd name="connsiteY12" fmla="*/ 4177005 h 5223286"/>
              <a:gd name="connsiteX13" fmla="*/ 7447562 w 10514527"/>
              <a:gd name="connsiteY13" fmla="*/ 5114480 h 5223286"/>
              <a:gd name="connsiteX14" fmla="*/ 7255419 w 10514527"/>
              <a:gd name="connsiteY14" fmla="*/ 5223233 h 5223286"/>
              <a:gd name="connsiteX15" fmla="*/ 205741 w 10514527"/>
              <a:gd name="connsiteY15" fmla="*/ 5223233 h 5223286"/>
              <a:gd name="connsiteX16" fmla="*/ 3093 w 10514527"/>
              <a:gd name="connsiteY16" fmla="*/ 4999192 h 5223286"/>
              <a:gd name="connsiteX17" fmla="*/ 713 w 10514527"/>
              <a:gd name="connsiteY17" fmla="*/ 3540033 h 5223286"/>
              <a:gd name="connsiteX18" fmla="*/ 45970 w 10514527"/>
              <a:gd name="connsiteY18" fmla="*/ 3400825 h 5223286"/>
              <a:gd name="connsiteX19" fmla="*/ 1255957 w 10514527"/>
              <a:gd name="connsiteY19" fmla="*/ 1594475 h 5223286"/>
              <a:gd name="connsiteX20" fmla="*/ 1405697 w 10514527"/>
              <a:gd name="connsiteY20" fmla="*/ 1501747 h 5223286"/>
              <a:gd name="connsiteX0" fmla="*/ 1405697 w 10514527"/>
              <a:gd name="connsiteY0" fmla="*/ 1501747 h 5223286"/>
              <a:gd name="connsiteX1" fmla="*/ 5527120 w 10514527"/>
              <a:gd name="connsiteY1" fmla="*/ 1501379 h 5223286"/>
              <a:gd name="connsiteX2" fmla="*/ 5649078 w 10514527"/>
              <a:gd name="connsiteY2" fmla="*/ 1419322 h 5223286"/>
              <a:gd name="connsiteX3" fmla="*/ 6437530 w 10514527"/>
              <a:gd name="connsiteY3" fmla="*/ 101268 h 5223286"/>
              <a:gd name="connsiteX4" fmla="*/ 6607886 w 10514527"/>
              <a:gd name="connsiteY4" fmla="*/ 31 h 5223286"/>
              <a:gd name="connsiteX5" fmla="*/ 10290448 w 10514527"/>
              <a:gd name="connsiteY5" fmla="*/ 3684 h 5223286"/>
              <a:gd name="connsiteX6" fmla="*/ 10514527 w 10514527"/>
              <a:gd name="connsiteY6" fmla="*/ 227725 h 5223286"/>
              <a:gd name="connsiteX7" fmla="*/ 10514527 w 10514527"/>
              <a:gd name="connsiteY7" fmla="*/ 4999245 h 5223286"/>
              <a:gd name="connsiteX8" fmla="*/ 10290448 w 10514527"/>
              <a:gd name="connsiteY8" fmla="*/ 5223286 h 5223286"/>
              <a:gd name="connsiteX9" fmla="*/ 8650433 w 10514527"/>
              <a:gd name="connsiteY9" fmla="*/ 5223286 h 5223286"/>
              <a:gd name="connsiteX10" fmla="*/ 8426353 w 10514527"/>
              <a:gd name="connsiteY10" fmla="*/ 4999245 h 5223286"/>
              <a:gd name="connsiteX11" fmla="*/ 8426353 w 10514527"/>
              <a:gd name="connsiteY11" fmla="*/ 4292293 h 5223286"/>
              <a:gd name="connsiteX12" fmla="*/ 8010131 w 10514527"/>
              <a:gd name="connsiteY12" fmla="*/ 4177005 h 5223286"/>
              <a:gd name="connsiteX13" fmla="*/ 7447562 w 10514527"/>
              <a:gd name="connsiteY13" fmla="*/ 5114480 h 5223286"/>
              <a:gd name="connsiteX14" fmla="*/ 7255419 w 10514527"/>
              <a:gd name="connsiteY14" fmla="*/ 5223233 h 5223286"/>
              <a:gd name="connsiteX15" fmla="*/ 205741 w 10514527"/>
              <a:gd name="connsiteY15" fmla="*/ 5223233 h 5223286"/>
              <a:gd name="connsiteX16" fmla="*/ 3093 w 10514527"/>
              <a:gd name="connsiteY16" fmla="*/ 4999192 h 5223286"/>
              <a:gd name="connsiteX17" fmla="*/ 713 w 10514527"/>
              <a:gd name="connsiteY17" fmla="*/ 3568608 h 5223286"/>
              <a:gd name="connsiteX18" fmla="*/ 45970 w 10514527"/>
              <a:gd name="connsiteY18" fmla="*/ 3400825 h 5223286"/>
              <a:gd name="connsiteX19" fmla="*/ 1255957 w 10514527"/>
              <a:gd name="connsiteY19" fmla="*/ 1594475 h 5223286"/>
              <a:gd name="connsiteX20" fmla="*/ 1405697 w 10514527"/>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44039 w 10512596"/>
              <a:gd name="connsiteY18" fmla="*/ 3400825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994469 w 10512596"/>
              <a:gd name="connsiteY19" fmla="*/ 1818312 h 5223286"/>
              <a:gd name="connsiteX20" fmla="*/ 1403766 w 10512596"/>
              <a:gd name="connsiteY20" fmla="*/ 1501747 h 5223286"/>
              <a:gd name="connsiteX0" fmla="*/ 1160879 w 10512596"/>
              <a:gd name="connsiteY0" fmla="*/ 1735110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994469 w 10512596"/>
              <a:gd name="connsiteY19" fmla="*/ 1818312 h 5223286"/>
              <a:gd name="connsiteX20" fmla="*/ 1160879 w 10512596"/>
              <a:gd name="connsiteY20" fmla="*/ 1735110 h 5223286"/>
              <a:gd name="connsiteX0" fmla="*/ 1160879 w 10512596"/>
              <a:gd name="connsiteY0" fmla="*/ 1735110 h 5223286"/>
              <a:gd name="connsiteX1" fmla="*/ 5101326 w 10512596"/>
              <a:gd name="connsiteY1" fmla="*/ 17299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994469 w 10512596"/>
              <a:gd name="connsiteY19" fmla="*/ 1818312 h 5223286"/>
              <a:gd name="connsiteX20" fmla="*/ 1160879 w 10512596"/>
              <a:gd name="connsiteY20" fmla="*/ 1735110 h 5223286"/>
              <a:gd name="connsiteX0" fmla="*/ 1160879 w 10512596"/>
              <a:gd name="connsiteY0" fmla="*/ 1735110 h 5223286"/>
              <a:gd name="connsiteX1" fmla="*/ 5101326 w 10512596"/>
              <a:gd name="connsiteY1" fmla="*/ 1729979 h 5223286"/>
              <a:gd name="connsiteX2" fmla="*/ 5332822 w 10512596"/>
              <a:gd name="connsiteY2" fmla="*/ 1497904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994469 w 10512596"/>
              <a:gd name="connsiteY19" fmla="*/ 1818312 h 5223286"/>
              <a:gd name="connsiteX20" fmla="*/ 1160879 w 10512596"/>
              <a:gd name="connsiteY20" fmla="*/ 1735110 h 5223286"/>
              <a:gd name="connsiteX0" fmla="*/ 1160879 w 10512596"/>
              <a:gd name="connsiteY0" fmla="*/ 1735110 h 5223286"/>
              <a:gd name="connsiteX1" fmla="*/ 5101326 w 10512596"/>
              <a:gd name="connsiteY1" fmla="*/ 1729979 h 5223286"/>
              <a:gd name="connsiteX2" fmla="*/ 5268528 w 10512596"/>
              <a:gd name="connsiteY2" fmla="*/ 1640779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994469 w 10512596"/>
              <a:gd name="connsiteY19" fmla="*/ 1818312 h 5223286"/>
              <a:gd name="connsiteX20" fmla="*/ 1160879 w 10512596"/>
              <a:gd name="connsiteY20" fmla="*/ 1735110 h 5223286"/>
              <a:gd name="connsiteX0" fmla="*/ 1160879 w 10512596"/>
              <a:gd name="connsiteY0" fmla="*/ 1735161 h 5223337"/>
              <a:gd name="connsiteX1" fmla="*/ 5101326 w 10512596"/>
              <a:gd name="connsiteY1" fmla="*/ 1730030 h 5223337"/>
              <a:gd name="connsiteX2" fmla="*/ 5268528 w 10512596"/>
              <a:gd name="connsiteY2" fmla="*/ 1640830 h 5223337"/>
              <a:gd name="connsiteX3" fmla="*/ 6214142 w 10512596"/>
              <a:gd name="connsiteY3" fmla="*/ 79887 h 5223337"/>
              <a:gd name="connsiteX4" fmla="*/ 6605955 w 10512596"/>
              <a:gd name="connsiteY4" fmla="*/ 82 h 5223337"/>
              <a:gd name="connsiteX5" fmla="*/ 10288517 w 10512596"/>
              <a:gd name="connsiteY5" fmla="*/ 3735 h 5223337"/>
              <a:gd name="connsiteX6" fmla="*/ 10512596 w 10512596"/>
              <a:gd name="connsiteY6" fmla="*/ 227776 h 5223337"/>
              <a:gd name="connsiteX7" fmla="*/ 10512596 w 10512596"/>
              <a:gd name="connsiteY7" fmla="*/ 4999296 h 5223337"/>
              <a:gd name="connsiteX8" fmla="*/ 10288517 w 10512596"/>
              <a:gd name="connsiteY8" fmla="*/ 5223337 h 5223337"/>
              <a:gd name="connsiteX9" fmla="*/ 8648502 w 10512596"/>
              <a:gd name="connsiteY9" fmla="*/ 5223337 h 5223337"/>
              <a:gd name="connsiteX10" fmla="*/ 8424422 w 10512596"/>
              <a:gd name="connsiteY10" fmla="*/ 4999296 h 5223337"/>
              <a:gd name="connsiteX11" fmla="*/ 8424422 w 10512596"/>
              <a:gd name="connsiteY11" fmla="*/ 4292344 h 5223337"/>
              <a:gd name="connsiteX12" fmla="*/ 8008200 w 10512596"/>
              <a:gd name="connsiteY12" fmla="*/ 4177056 h 5223337"/>
              <a:gd name="connsiteX13" fmla="*/ 7445631 w 10512596"/>
              <a:gd name="connsiteY13" fmla="*/ 5114531 h 5223337"/>
              <a:gd name="connsiteX14" fmla="*/ 7253488 w 10512596"/>
              <a:gd name="connsiteY14" fmla="*/ 5223284 h 5223337"/>
              <a:gd name="connsiteX15" fmla="*/ 203810 w 10512596"/>
              <a:gd name="connsiteY15" fmla="*/ 5223284 h 5223337"/>
              <a:gd name="connsiteX16" fmla="*/ 1162 w 10512596"/>
              <a:gd name="connsiteY16" fmla="*/ 4999243 h 5223337"/>
              <a:gd name="connsiteX17" fmla="*/ 1164 w 10512596"/>
              <a:gd name="connsiteY17" fmla="*/ 3559134 h 5223337"/>
              <a:gd name="connsiteX18" fmla="*/ 67852 w 10512596"/>
              <a:gd name="connsiteY18" fmla="*/ 3358014 h 5223337"/>
              <a:gd name="connsiteX19" fmla="*/ 994469 w 10512596"/>
              <a:gd name="connsiteY19" fmla="*/ 1818363 h 5223337"/>
              <a:gd name="connsiteX20" fmla="*/ 1160879 w 10512596"/>
              <a:gd name="connsiteY20" fmla="*/ 1735161 h 5223337"/>
              <a:gd name="connsiteX0" fmla="*/ 1160879 w 10512596"/>
              <a:gd name="connsiteY0" fmla="*/ 1742276 h 5230452"/>
              <a:gd name="connsiteX1" fmla="*/ 5101326 w 10512596"/>
              <a:gd name="connsiteY1" fmla="*/ 1737145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94469 w 10512596"/>
              <a:gd name="connsiteY19" fmla="*/ 1825478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94469 w 10512596"/>
              <a:gd name="connsiteY19" fmla="*/ 1825478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94469 w 10512596"/>
              <a:gd name="connsiteY19" fmla="*/ 1825478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94469 w 10512596"/>
              <a:gd name="connsiteY19" fmla="*/ 1825478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60879 w 10512596"/>
              <a:gd name="connsiteY20" fmla="*/ 1742276 h 5230452"/>
              <a:gd name="connsiteX0" fmla="*/ 1182310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82310 w 10512596"/>
              <a:gd name="connsiteY20" fmla="*/ 1742276 h 5230452"/>
              <a:gd name="connsiteX0" fmla="*/ 1182310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82310 w 10512596"/>
              <a:gd name="connsiteY20" fmla="*/ 1742276 h 5230452"/>
              <a:gd name="connsiteX0" fmla="*/ 1182310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82310 w 10512596"/>
              <a:gd name="connsiteY20" fmla="*/ 1742276 h 5230452"/>
              <a:gd name="connsiteX0" fmla="*/ 1182310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82310 w 10512596"/>
              <a:gd name="connsiteY20" fmla="*/ 1742276 h 5230452"/>
              <a:gd name="connsiteX0" fmla="*/ 1182310 w 10512596"/>
              <a:gd name="connsiteY0" fmla="*/ 1742276 h 5230452"/>
              <a:gd name="connsiteX1" fmla="*/ 5101326 w 10512596"/>
              <a:gd name="connsiteY1" fmla="*/ 1744289 h 5230452"/>
              <a:gd name="connsiteX2" fmla="*/ 5278053 w 10512596"/>
              <a:gd name="connsiteY2" fmla="*/ 1640801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82310 w 10512596"/>
              <a:gd name="connsiteY20" fmla="*/ 1742276 h 5230452"/>
              <a:gd name="connsiteX0" fmla="*/ 1182310 w 10512596"/>
              <a:gd name="connsiteY0" fmla="*/ 1739904 h 5228080"/>
              <a:gd name="connsiteX1" fmla="*/ 5101326 w 10512596"/>
              <a:gd name="connsiteY1" fmla="*/ 1741917 h 5228080"/>
              <a:gd name="connsiteX2" fmla="*/ 5278053 w 10512596"/>
              <a:gd name="connsiteY2" fmla="*/ 1638429 h 5228080"/>
              <a:gd name="connsiteX3" fmla="*/ 6214142 w 10512596"/>
              <a:gd name="connsiteY3" fmla="*/ 84630 h 5228080"/>
              <a:gd name="connsiteX4" fmla="*/ 6405930 w 10512596"/>
              <a:gd name="connsiteY4" fmla="*/ 62 h 5228080"/>
              <a:gd name="connsiteX5" fmla="*/ 10288517 w 10512596"/>
              <a:gd name="connsiteY5" fmla="*/ 8478 h 5228080"/>
              <a:gd name="connsiteX6" fmla="*/ 10512596 w 10512596"/>
              <a:gd name="connsiteY6" fmla="*/ 232519 h 5228080"/>
              <a:gd name="connsiteX7" fmla="*/ 10512596 w 10512596"/>
              <a:gd name="connsiteY7" fmla="*/ 5004039 h 5228080"/>
              <a:gd name="connsiteX8" fmla="*/ 10288517 w 10512596"/>
              <a:gd name="connsiteY8" fmla="*/ 5228080 h 5228080"/>
              <a:gd name="connsiteX9" fmla="*/ 8648502 w 10512596"/>
              <a:gd name="connsiteY9" fmla="*/ 5228080 h 5228080"/>
              <a:gd name="connsiteX10" fmla="*/ 8424422 w 10512596"/>
              <a:gd name="connsiteY10" fmla="*/ 5004039 h 5228080"/>
              <a:gd name="connsiteX11" fmla="*/ 8424422 w 10512596"/>
              <a:gd name="connsiteY11" fmla="*/ 4297087 h 5228080"/>
              <a:gd name="connsiteX12" fmla="*/ 8008200 w 10512596"/>
              <a:gd name="connsiteY12" fmla="*/ 4181799 h 5228080"/>
              <a:gd name="connsiteX13" fmla="*/ 7445631 w 10512596"/>
              <a:gd name="connsiteY13" fmla="*/ 5119274 h 5228080"/>
              <a:gd name="connsiteX14" fmla="*/ 7253488 w 10512596"/>
              <a:gd name="connsiteY14" fmla="*/ 5228027 h 5228080"/>
              <a:gd name="connsiteX15" fmla="*/ 203810 w 10512596"/>
              <a:gd name="connsiteY15" fmla="*/ 5228027 h 5228080"/>
              <a:gd name="connsiteX16" fmla="*/ 1162 w 10512596"/>
              <a:gd name="connsiteY16" fmla="*/ 5003986 h 5228080"/>
              <a:gd name="connsiteX17" fmla="*/ 1164 w 10512596"/>
              <a:gd name="connsiteY17" fmla="*/ 3563877 h 5228080"/>
              <a:gd name="connsiteX18" fmla="*/ 67852 w 10512596"/>
              <a:gd name="connsiteY18" fmla="*/ 3362757 h 5228080"/>
              <a:gd name="connsiteX19" fmla="*/ 982563 w 10512596"/>
              <a:gd name="connsiteY19" fmla="*/ 1846918 h 5228080"/>
              <a:gd name="connsiteX20" fmla="*/ 1182310 w 10512596"/>
              <a:gd name="connsiteY20" fmla="*/ 1739904 h 5228080"/>
              <a:gd name="connsiteX0" fmla="*/ 1182310 w 10512596"/>
              <a:gd name="connsiteY0" fmla="*/ 1732798 h 5220974"/>
              <a:gd name="connsiteX1" fmla="*/ 5101326 w 10512596"/>
              <a:gd name="connsiteY1" fmla="*/ 1734811 h 5220974"/>
              <a:gd name="connsiteX2" fmla="*/ 5278053 w 10512596"/>
              <a:gd name="connsiteY2" fmla="*/ 1631323 h 5220974"/>
              <a:gd name="connsiteX3" fmla="*/ 6214142 w 10512596"/>
              <a:gd name="connsiteY3" fmla="*/ 77524 h 5220974"/>
              <a:gd name="connsiteX4" fmla="*/ 6398786 w 10512596"/>
              <a:gd name="connsiteY4" fmla="*/ 100 h 5220974"/>
              <a:gd name="connsiteX5" fmla="*/ 10288517 w 10512596"/>
              <a:gd name="connsiteY5" fmla="*/ 1372 h 5220974"/>
              <a:gd name="connsiteX6" fmla="*/ 10512596 w 10512596"/>
              <a:gd name="connsiteY6" fmla="*/ 225413 h 5220974"/>
              <a:gd name="connsiteX7" fmla="*/ 10512596 w 10512596"/>
              <a:gd name="connsiteY7" fmla="*/ 4996933 h 5220974"/>
              <a:gd name="connsiteX8" fmla="*/ 10288517 w 10512596"/>
              <a:gd name="connsiteY8" fmla="*/ 5220974 h 5220974"/>
              <a:gd name="connsiteX9" fmla="*/ 8648502 w 10512596"/>
              <a:gd name="connsiteY9" fmla="*/ 5220974 h 5220974"/>
              <a:gd name="connsiteX10" fmla="*/ 8424422 w 10512596"/>
              <a:gd name="connsiteY10" fmla="*/ 4996933 h 5220974"/>
              <a:gd name="connsiteX11" fmla="*/ 8424422 w 10512596"/>
              <a:gd name="connsiteY11" fmla="*/ 4289981 h 5220974"/>
              <a:gd name="connsiteX12" fmla="*/ 8008200 w 10512596"/>
              <a:gd name="connsiteY12" fmla="*/ 4174693 h 5220974"/>
              <a:gd name="connsiteX13" fmla="*/ 7445631 w 10512596"/>
              <a:gd name="connsiteY13" fmla="*/ 5112168 h 5220974"/>
              <a:gd name="connsiteX14" fmla="*/ 7253488 w 10512596"/>
              <a:gd name="connsiteY14" fmla="*/ 5220921 h 5220974"/>
              <a:gd name="connsiteX15" fmla="*/ 203810 w 10512596"/>
              <a:gd name="connsiteY15" fmla="*/ 5220921 h 5220974"/>
              <a:gd name="connsiteX16" fmla="*/ 1162 w 10512596"/>
              <a:gd name="connsiteY16" fmla="*/ 4996880 h 5220974"/>
              <a:gd name="connsiteX17" fmla="*/ 1164 w 10512596"/>
              <a:gd name="connsiteY17" fmla="*/ 3556771 h 5220974"/>
              <a:gd name="connsiteX18" fmla="*/ 67852 w 10512596"/>
              <a:gd name="connsiteY18" fmla="*/ 3355651 h 5220974"/>
              <a:gd name="connsiteX19" fmla="*/ 982563 w 10512596"/>
              <a:gd name="connsiteY19" fmla="*/ 1839812 h 5220974"/>
              <a:gd name="connsiteX20" fmla="*/ 1182310 w 10512596"/>
              <a:gd name="connsiteY20" fmla="*/ 1732798 h 5220974"/>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214142 w 10512596"/>
              <a:gd name="connsiteY3" fmla="*/ 76152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4995561 h 5219602"/>
              <a:gd name="connsiteX8" fmla="*/ 10288517 w 10512596"/>
              <a:gd name="connsiteY8" fmla="*/ 5219602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195092 w 10512596"/>
              <a:gd name="connsiteY3" fmla="*/ 107108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4995561 h 5219602"/>
              <a:gd name="connsiteX8" fmla="*/ 10288517 w 10512596"/>
              <a:gd name="connsiteY8" fmla="*/ 5219602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195092 w 10512596"/>
              <a:gd name="connsiteY3" fmla="*/ 107108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4995561 h 5219602"/>
              <a:gd name="connsiteX8" fmla="*/ 10288517 w 10512596"/>
              <a:gd name="connsiteY8" fmla="*/ 5219602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195092 w 10512596"/>
              <a:gd name="connsiteY3" fmla="*/ 107108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4995561 h 5219602"/>
              <a:gd name="connsiteX8" fmla="*/ 10288517 w 10512596"/>
              <a:gd name="connsiteY8" fmla="*/ 5219602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195092 w 10512596"/>
              <a:gd name="connsiteY3" fmla="*/ 107108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3369167 h 5219602"/>
              <a:gd name="connsiteX8" fmla="*/ 10288517 w 10512596"/>
              <a:gd name="connsiteY8" fmla="*/ 5219602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29124"/>
              <a:gd name="connsiteY0" fmla="*/ 1731426 h 5219602"/>
              <a:gd name="connsiteX1" fmla="*/ 5101326 w 10529124"/>
              <a:gd name="connsiteY1" fmla="*/ 1733439 h 5219602"/>
              <a:gd name="connsiteX2" fmla="*/ 5278053 w 10529124"/>
              <a:gd name="connsiteY2" fmla="*/ 1629951 h 5219602"/>
              <a:gd name="connsiteX3" fmla="*/ 6195092 w 10529124"/>
              <a:gd name="connsiteY3" fmla="*/ 107108 h 5219602"/>
              <a:gd name="connsiteX4" fmla="*/ 6389261 w 10529124"/>
              <a:gd name="connsiteY4" fmla="*/ 3490 h 5219602"/>
              <a:gd name="connsiteX5" fmla="*/ 10288517 w 10529124"/>
              <a:gd name="connsiteY5" fmla="*/ 0 h 5219602"/>
              <a:gd name="connsiteX6" fmla="*/ 10512596 w 10529124"/>
              <a:gd name="connsiteY6" fmla="*/ 224041 h 5219602"/>
              <a:gd name="connsiteX7" fmla="*/ 10512596 w 10529124"/>
              <a:gd name="connsiteY7" fmla="*/ 3369167 h 5219602"/>
              <a:gd name="connsiteX8" fmla="*/ 10452823 w 10529124"/>
              <a:gd name="connsiteY8" fmla="*/ 3564633 h 5219602"/>
              <a:gd name="connsiteX9" fmla="*/ 8648502 w 10529124"/>
              <a:gd name="connsiteY9" fmla="*/ 5219602 h 5219602"/>
              <a:gd name="connsiteX10" fmla="*/ 8424422 w 10529124"/>
              <a:gd name="connsiteY10" fmla="*/ 4995561 h 5219602"/>
              <a:gd name="connsiteX11" fmla="*/ 8424422 w 10529124"/>
              <a:gd name="connsiteY11" fmla="*/ 4288609 h 5219602"/>
              <a:gd name="connsiteX12" fmla="*/ 8008200 w 10529124"/>
              <a:gd name="connsiteY12" fmla="*/ 4173321 h 5219602"/>
              <a:gd name="connsiteX13" fmla="*/ 7445631 w 10529124"/>
              <a:gd name="connsiteY13" fmla="*/ 5110796 h 5219602"/>
              <a:gd name="connsiteX14" fmla="*/ 7253488 w 10529124"/>
              <a:gd name="connsiteY14" fmla="*/ 5219549 h 5219602"/>
              <a:gd name="connsiteX15" fmla="*/ 203810 w 10529124"/>
              <a:gd name="connsiteY15" fmla="*/ 5219549 h 5219602"/>
              <a:gd name="connsiteX16" fmla="*/ 1162 w 10529124"/>
              <a:gd name="connsiteY16" fmla="*/ 4995508 h 5219602"/>
              <a:gd name="connsiteX17" fmla="*/ 1164 w 10529124"/>
              <a:gd name="connsiteY17" fmla="*/ 3555399 h 5219602"/>
              <a:gd name="connsiteX18" fmla="*/ 67852 w 10529124"/>
              <a:gd name="connsiteY18" fmla="*/ 3354279 h 5219602"/>
              <a:gd name="connsiteX19" fmla="*/ 982563 w 10529124"/>
              <a:gd name="connsiteY19" fmla="*/ 1838440 h 5219602"/>
              <a:gd name="connsiteX20" fmla="*/ 1182310 w 10529124"/>
              <a:gd name="connsiteY20" fmla="*/ 1731426 h 5219602"/>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195092 w 10512596"/>
              <a:gd name="connsiteY3" fmla="*/ 107108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3369167 h 5219602"/>
              <a:gd name="connsiteX8" fmla="*/ 10452823 w 10512596"/>
              <a:gd name="connsiteY8" fmla="*/ 3564633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12596"/>
              <a:gd name="connsiteY0" fmla="*/ 1731426 h 5219549"/>
              <a:gd name="connsiteX1" fmla="*/ 5101326 w 10512596"/>
              <a:gd name="connsiteY1" fmla="*/ 1733439 h 5219549"/>
              <a:gd name="connsiteX2" fmla="*/ 5278053 w 10512596"/>
              <a:gd name="connsiteY2" fmla="*/ 1629951 h 5219549"/>
              <a:gd name="connsiteX3" fmla="*/ 6195092 w 10512596"/>
              <a:gd name="connsiteY3" fmla="*/ 107108 h 5219549"/>
              <a:gd name="connsiteX4" fmla="*/ 6389261 w 10512596"/>
              <a:gd name="connsiteY4" fmla="*/ 3490 h 5219549"/>
              <a:gd name="connsiteX5" fmla="*/ 10288517 w 10512596"/>
              <a:gd name="connsiteY5" fmla="*/ 0 h 5219549"/>
              <a:gd name="connsiteX6" fmla="*/ 10512596 w 10512596"/>
              <a:gd name="connsiteY6" fmla="*/ 224041 h 5219549"/>
              <a:gd name="connsiteX7" fmla="*/ 10512596 w 10512596"/>
              <a:gd name="connsiteY7" fmla="*/ 3369167 h 5219549"/>
              <a:gd name="connsiteX8" fmla="*/ 10452823 w 10512596"/>
              <a:gd name="connsiteY8" fmla="*/ 3564633 h 5219549"/>
              <a:gd name="connsiteX9" fmla="*/ 9541470 w 10512596"/>
              <a:gd name="connsiteY9" fmla="*/ 5088634 h 5219549"/>
              <a:gd name="connsiteX10" fmla="*/ 8424422 w 10512596"/>
              <a:gd name="connsiteY10" fmla="*/ 4995561 h 5219549"/>
              <a:gd name="connsiteX11" fmla="*/ 8424422 w 10512596"/>
              <a:gd name="connsiteY11" fmla="*/ 4288609 h 5219549"/>
              <a:gd name="connsiteX12" fmla="*/ 8008200 w 10512596"/>
              <a:gd name="connsiteY12" fmla="*/ 4173321 h 5219549"/>
              <a:gd name="connsiteX13" fmla="*/ 7445631 w 10512596"/>
              <a:gd name="connsiteY13" fmla="*/ 5110796 h 5219549"/>
              <a:gd name="connsiteX14" fmla="*/ 7253488 w 10512596"/>
              <a:gd name="connsiteY14" fmla="*/ 5219549 h 5219549"/>
              <a:gd name="connsiteX15" fmla="*/ 203810 w 10512596"/>
              <a:gd name="connsiteY15" fmla="*/ 5219549 h 5219549"/>
              <a:gd name="connsiteX16" fmla="*/ 1162 w 10512596"/>
              <a:gd name="connsiteY16" fmla="*/ 4995508 h 5219549"/>
              <a:gd name="connsiteX17" fmla="*/ 1164 w 10512596"/>
              <a:gd name="connsiteY17" fmla="*/ 3555399 h 5219549"/>
              <a:gd name="connsiteX18" fmla="*/ 67852 w 10512596"/>
              <a:gd name="connsiteY18" fmla="*/ 3354279 h 5219549"/>
              <a:gd name="connsiteX19" fmla="*/ 982563 w 10512596"/>
              <a:gd name="connsiteY19" fmla="*/ 1838440 h 5219549"/>
              <a:gd name="connsiteX20" fmla="*/ 1182310 w 10512596"/>
              <a:gd name="connsiteY20" fmla="*/ 1731426 h 5219549"/>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8347 w 10512596"/>
              <a:gd name="connsiteY10" fmla="*/ 5207492 h 5242645"/>
              <a:gd name="connsiteX11" fmla="*/ 8424422 w 10512596"/>
              <a:gd name="connsiteY11" fmla="*/ 4288609 h 5242645"/>
              <a:gd name="connsiteX12" fmla="*/ 8008200 w 10512596"/>
              <a:gd name="connsiteY12" fmla="*/ 4173321 h 5242645"/>
              <a:gd name="connsiteX13" fmla="*/ 7445631 w 10512596"/>
              <a:gd name="connsiteY13" fmla="*/ 5110796 h 5242645"/>
              <a:gd name="connsiteX14" fmla="*/ 7253488 w 10512596"/>
              <a:gd name="connsiteY14" fmla="*/ 5219549 h 5242645"/>
              <a:gd name="connsiteX15" fmla="*/ 203810 w 10512596"/>
              <a:gd name="connsiteY15" fmla="*/ 5219549 h 5242645"/>
              <a:gd name="connsiteX16" fmla="*/ 1162 w 10512596"/>
              <a:gd name="connsiteY16" fmla="*/ 4995508 h 5242645"/>
              <a:gd name="connsiteX17" fmla="*/ 1164 w 10512596"/>
              <a:gd name="connsiteY17" fmla="*/ 3555399 h 5242645"/>
              <a:gd name="connsiteX18" fmla="*/ 67852 w 10512596"/>
              <a:gd name="connsiteY18" fmla="*/ 3354279 h 5242645"/>
              <a:gd name="connsiteX19" fmla="*/ 982563 w 10512596"/>
              <a:gd name="connsiteY19" fmla="*/ 1838440 h 5242645"/>
              <a:gd name="connsiteX20" fmla="*/ 1182310 w 10512596"/>
              <a:gd name="connsiteY20" fmla="*/ 1731426 h 5242645"/>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8347 w 10512596"/>
              <a:gd name="connsiteY10" fmla="*/ 5207492 h 5242645"/>
              <a:gd name="connsiteX11" fmla="*/ 8008200 w 10512596"/>
              <a:gd name="connsiteY11" fmla="*/ 4173321 h 5242645"/>
              <a:gd name="connsiteX12" fmla="*/ 7445631 w 10512596"/>
              <a:gd name="connsiteY12" fmla="*/ 5110796 h 5242645"/>
              <a:gd name="connsiteX13" fmla="*/ 7253488 w 10512596"/>
              <a:gd name="connsiteY13" fmla="*/ 5219549 h 5242645"/>
              <a:gd name="connsiteX14" fmla="*/ 203810 w 10512596"/>
              <a:gd name="connsiteY14" fmla="*/ 5219549 h 5242645"/>
              <a:gd name="connsiteX15" fmla="*/ 1162 w 10512596"/>
              <a:gd name="connsiteY15" fmla="*/ 4995508 h 5242645"/>
              <a:gd name="connsiteX16" fmla="*/ 1164 w 10512596"/>
              <a:gd name="connsiteY16" fmla="*/ 3555399 h 5242645"/>
              <a:gd name="connsiteX17" fmla="*/ 67852 w 10512596"/>
              <a:gd name="connsiteY17" fmla="*/ 3354279 h 5242645"/>
              <a:gd name="connsiteX18" fmla="*/ 982563 w 10512596"/>
              <a:gd name="connsiteY18" fmla="*/ 1838440 h 5242645"/>
              <a:gd name="connsiteX19" fmla="*/ 1182310 w 10512596"/>
              <a:gd name="connsiteY19" fmla="*/ 1731426 h 5242645"/>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8347 w 10512596"/>
              <a:gd name="connsiteY10" fmla="*/ 5207492 h 5242645"/>
              <a:gd name="connsiteX11" fmla="*/ 7445631 w 10512596"/>
              <a:gd name="connsiteY11" fmla="*/ 5110796 h 5242645"/>
              <a:gd name="connsiteX12" fmla="*/ 7253488 w 10512596"/>
              <a:gd name="connsiteY12" fmla="*/ 5219549 h 5242645"/>
              <a:gd name="connsiteX13" fmla="*/ 203810 w 10512596"/>
              <a:gd name="connsiteY13" fmla="*/ 5219549 h 5242645"/>
              <a:gd name="connsiteX14" fmla="*/ 1162 w 10512596"/>
              <a:gd name="connsiteY14" fmla="*/ 4995508 h 5242645"/>
              <a:gd name="connsiteX15" fmla="*/ 1164 w 10512596"/>
              <a:gd name="connsiteY15" fmla="*/ 3555399 h 5242645"/>
              <a:gd name="connsiteX16" fmla="*/ 67852 w 10512596"/>
              <a:gd name="connsiteY16" fmla="*/ 3354279 h 5242645"/>
              <a:gd name="connsiteX17" fmla="*/ 982563 w 10512596"/>
              <a:gd name="connsiteY17" fmla="*/ 1838440 h 5242645"/>
              <a:gd name="connsiteX18" fmla="*/ 1182310 w 10512596"/>
              <a:gd name="connsiteY18" fmla="*/ 1731426 h 5242645"/>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8347 w 10512596"/>
              <a:gd name="connsiteY10" fmla="*/ 5207492 h 5242645"/>
              <a:gd name="connsiteX11" fmla="*/ 7253488 w 10512596"/>
              <a:gd name="connsiteY11" fmla="*/ 5219549 h 5242645"/>
              <a:gd name="connsiteX12" fmla="*/ 203810 w 10512596"/>
              <a:gd name="connsiteY12" fmla="*/ 5219549 h 5242645"/>
              <a:gd name="connsiteX13" fmla="*/ 1162 w 10512596"/>
              <a:gd name="connsiteY13" fmla="*/ 4995508 h 5242645"/>
              <a:gd name="connsiteX14" fmla="*/ 1164 w 10512596"/>
              <a:gd name="connsiteY14" fmla="*/ 3555399 h 5242645"/>
              <a:gd name="connsiteX15" fmla="*/ 67852 w 10512596"/>
              <a:gd name="connsiteY15" fmla="*/ 3354279 h 5242645"/>
              <a:gd name="connsiteX16" fmla="*/ 982563 w 10512596"/>
              <a:gd name="connsiteY16" fmla="*/ 1838440 h 5242645"/>
              <a:gd name="connsiteX17" fmla="*/ 1182310 w 10512596"/>
              <a:gd name="connsiteY17" fmla="*/ 1731426 h 5242645"/>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3584 w 10512596"/>
              <a:gd name="connsiteY10" fmla="*/ 5207492 h 5242645"/>
              <a:gd name="connsiteX11" fmla="*/ 7253488 w 10512596"/>
              <a:gd name="connsiteY11" fmla="*/ 5219549 h 5242645"/>
              <a:gd name="connsiteX12" fmla="*/ 203810 w 10512596"/>
              <a:gd name="connsiteY12" fmla="*/ 5219549 h 5242645"/>
              <a:gd name="connsiteX13" fmla="*/ 1162 w 10512596"/>
              <a:gd name="connsiteY13" fmla="*/ 4995508 h 5242645"/>
              <a:gd name="connsiteX14" fmla="*/ 1164 w 10512596"/>
              <a:gd name="connsiteY14" fmla="*/ 3555399 h 5242645"/>
              <a:gd name="connsiteX15" fmla="*/ 67852 w 10512596"/>
              <a:gd name="connsiteY15" fmla="*/ 3354279 h 5242645"/>
              <a:gd name="connsiteX16" fmla="*/ 982563 w 10512596"/>
              <a:gd name="connsiteY16" fmla="*/ 1838440 h 5242645"/>
              <a:gd name="connsiteX17" fmla="*/ 1182310 w 10512596"/>
              <a:gd name="connsiteY17" fmla="*/ 1731426 h 5242645"/>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3584 w 10512596"/>
              <a:gd name="connsiteY10" fmla="*/ 5207492 h 5242645"/>
              <a:gd name="connsiteX11" fmla="*/ 203810 w 10512596"/>
              <a:gd name="connsiteY11" fmla="*/ 5219549 h 5242645"/>
              <a:gd name="connsiteX12" fmla="*/ 1162 w 10512596"/>
              <a:gd name="connsiteY12" fmla="*/ 4995508 h 5242645"/>
              <a:gd name="connsiteX13" fmla="*/ 1164 w 10512596"/>
              <a:gd name="connsiteY13" fmla="*/ 3555399 h 5242645"/>
              <a:gd name="connsiteX14" fmla="*/ 67852 w 10512596"/>
              <a:gd name="connsiteY14" fmla="*/ 3354279 h 5242645"/>
              <a:gd name="connsiteX15" fmla="*/ 982563 w 10512596"/>
              <a:gd name="connsiteY15" fmla="*/ 1838440 h 5242645"/>
              <a:gd name="connsiteX16" fmla="*/ 1182310 w 10512596"/>
              <a:gd name="connsiteY16" fmla="*/ 1731426 h 5242645"/>
              <a:gd name="connsiteX0" fmla="*/ 1182310 w 10512596"/>
              <a:gd name="connsiteY0" fmla="*/ 1731426 h 5249040"/>
              <a:gd name="connsiteX1" fmla="*/ 5101326 w 10512596"/>
              <a:gd name="connsiteY1" fmla="*/ 1733439 h 5249040"/>
              <a:gd name="connsiteX2" fmla="*/ 5278053 w 10512596"/>
              <a:gd name="connsiteY2" fmla="*/ 1629951 h 5249040"/>
              <a:gd name="connsiteX3" fmla="*/ 6195092 w 10512596"/>
              <a:gd name="connsiteY3" fmla="*/ 107108 h 5249040"/>
              <a:gd name="connsiteX4" fmla="*/ 6389261 w 10512596"/>
              <a:gd name="connsiteY4" fmla="*/ 3490 h 5249040"/>
              <a:gd name="connsiteX5" fmla="*/ 10288517 w 10512596"/>
              <a:gd name="connsiteY5" fmla="*/ 0 h 5249040"/>
              <a:gd name="connsiteX6" fmla="*/ 10512596 w 10512596"/>
              <a:gd name="connsiteY6" fmla="*/ 224041 h 5249040"/>
              <a:gd name="connsiteX7" fmla="*/ 10512596 w 10512596"/>
              <a:gd name="connsiteY7" fmla="*/ 3369167 h 5249040"/>
              <a:gd name="connsiteX8" fmla="*/ 10452823 w 10512596"/>
              <a:gd name="connsiteY8" fmla="*/ 3564633 h 5249040"/>
              <a:gd name="connsiteX9" fmla="*/ 9541470 w 10512596"/>
              <a:gd name="connsiteY9" fmla="*/ 5088634 h 5249040"/>
              <a:gd name="connsiteX10" fmla="*/ 9338822 w 10512596"/>
              <a:gd name="connsiteY10" fmla="*/ 5214635 h 5249040"/>
              <a:gd name="connsiteX11" fmla="*/ 203810 w 10512596"/>
              <a:gd name="connsiteY11" fmla="*/ 5219549 h 5249040"/>
              <a:gd name="connsiteX12" fmla="*/ 1162 w 10512596"/>
              <a:gd name="connsiteY12" fmla="*/ 4995508 h 5249040"/>
              <a:gd name="connsiteX13" fmla="*/ 1164 w 10512596"/>
              <a:gd name="connsiteY13" fmla="*/ 3555399 h 5249040"/>
              <a:gd name="connsiteX14" fmla="*/ 67852 w 10512596"/>
              <a:gd name="connsiteY14" fmla="*/ 3354279 h 5249040"/>
              <a:gd name="connsiteX15" fmla="*/ 982563 w 10512596"/>
              <a:gd name="connsiteY15" fmla="*/ 1838440 h 5249040"/>
              <a:gd name="connsiteX16" fmla="*/ 1182310 w 10512596"/>
              <a:gd name="connsiteY16" fmla="*/ 1731426 h 5249040"/>
              <a:gd name="connsiteX0" fmla="*/ 1182310 w 10512596"/>
              <a:gd name="connsiteY0" fmla="*/ 1731426 h 5249040"/>
              <a:gd name="connsiteX1" fmla="*/ 5101326 w 10512596"/>
              <a:gd name="connsiteY1" fmla="*/ 1733439 h 5249040"/>
              <a:gd name="connsiteX2" fmla="*/ 5278053 w 10512596"/>
              <a:gd name="connsiteY2" fmla="*/ 1629951 h 5249040"/>
              <a:gd name="connsiteX3" fmla="*/ 6195092 w 10512596"/>
              <a:gd name="connsiteY3" fmla="*/ 107108 h 5249040"/>
              <a:gd name="connsiteX4" fmla="*/ 6389261 w 10512596"/>
              <a:gd name="connsiteY4" fmla="*/ 3490 h 5249040"/>
              <a:gd name="connsiteX5" fmla="*/ 10288517 w 10512596"/>
              <a:gd name="connsiteY5" fmla="*/ 0 h 5249040"/>
              <a:gd name="connsiteX6" fmla="*/ 10512596 w 10512596"/>
              <a:gd name="connsiteY6" fmla="*/ 224041 h 5249040"/>
              <a:gd name="connsiteX7" fmla="*/ 10512596 w 10512596"/>
              <a:gd name="connsiteY7" fmla="*/ 3369167 h 5249040"/>
              <a:gd name="connsiteX8" fmla="*/ 10452823 w 10512596"/>
              <a:gd name="connsiteY8" fmla="*/ 3564633 h 5249040"/>
              <a:gd name="connsiteX9" fmla="*/ 9541470 w 10512596"/>
              <a:gd name="connsiteY9" fmla="*/ 5088634 h 5249040"/>
              <a:gd name="connsiteX10" fmla="*/ 9329297 w 10512596"/>
              <a:gd name="connsiteY10" fmla="*/ 5214635 h 5249040"/>
              <a:gd name="connsiteX11" fmla="*/ 203810 w 10512596"/>
              <a:gd name="connsiteY11" fmla="*/ 5219549 h 5249040"/>
              <a:gd name="connsiteX12" fmla="*/ 1162 w 10512596"/>
              <a:gd name="connsiteY12" fmla="*/ 4995508 h 5249040"/>
              <a:gd name="connsiteX13" fmla="*/ 1164 w 10512596"/>
              <a:gd name="connsiteY13" fmla="*/ 3555399 h 5249040"/>
              <a:gd name="connsiteX14" fmla="*/ 67852 w 10512596"/>
              <a:gd name="connsiteY14" fmla="*/ 3354279 h 5249040"/>
              <a:gd name="connsiteX15" fmla="*/ 982563 w 10512596"/>
              <a:gd name="connsiteY15" fmla="*/ 1838440 h 5249040"/>
              <a:gd name="connsiteX16" fmla="*/ 1182310 w 10512596"/>
              <a:gd name="connsiteY16" fmla="*/ 1731426 h 5249040"/>
              <a:gd name="connsiteX0" fmla="*/ 1182310 w 10512596"/>
              <a:gd name="connsiteY0" fmla="*/ 1731426 h 5255466"/>
              <a:gd name="connsiteX1" fmla="*/ 5101326 w 10512596"/>
              <a:gd name="connsiteY1" fmla="*/ 1733439 h 5255466"/>
              <a:gd name="connsiteX2" fmla="*/ 5278053 w 10512596"/>
              <a:gd name="connsiteY2" fmla="*/ 1629951 h 5255466"/>
              <a:gd name="connsiteX3" fmla="*/ 6195092 w 10512596"/>
              <a:gd name="connsiteY3" fmla="*/ 107108 h 5255466"/>
              <a:gd name="connsiteX4" fmla="*/ 6389261 w 10512596"/>
              <a:gd name="connsiteY4" fmla="*/ 3490 h 5255466"/>
              <a:gd name="connsiteX5" fmla="*/ 10288517 w 10512596"/>
              <a:gd name="connsiteY5" fmla="*/ 0 h 5255466"/>
              <a:gd name="connsiteX6" fmla="*/ 10512596 w 10512596"/>
              <a:gd name="connsiteY6" fmla="*/ 224041 h 5255466"/>
              <a:gd name="connsiteX7" fmla="*/ 10512596 w 10512596"/>
              <a:gd name="connsiteY7" fmla="*/ 3369167 h 5255466"/>
              <a:gd name="connsiteX8" fmla="*/ 10452823 w 10512596"/>
              <a:gd name="connsiteY8" fmla="*/ 3564633 h 5255466"/>
              <a:gd name="connsiteX9" fmla="*/ 9541470 w 10512596"/>
              <a:gd name="connsiteY9" fmla="*/ 5088634 h 5255466"/>
              <a:gd name="connsiteX10" fmla="*/ 9334059 w 10512596"/>
              <a:gd name="connsiteY10" fmla="*/ 5221779 h 5255466"/>
              <a:gd name="connsiteX11" fmla="*/ 203810 w 10512596"/>
              <a:gd name="connsiteY11" fmla="*/ 5219549 h 5255466"/>
              <a:gd name="connsiteX12" fmla="*/ 1162 w 10512596"/>
              <a:gd name="connsiteY12" fmla="*/ 4995508 h 5255466"/>
              <a:gd name="connsiteX13" fmla="*/ 1164 w 10512596"/>
              <a:gd name="connsiteY13" fmla="*/ 3555399 h 5255466"/>
              <a:gd name="connsiteX14" fmla="*/ 67852 w 10512596"/>
              <a:gd name="connsiteY14" fmla="*/ 3354279 h 5255466"/>
              <a:gd name="connsiteX15" fmla="*/ 982563 w 10512596"/>
              <a:gd name="connsiteY15" fmla="*/ 1838440 h 5255466"/>
              <a:gd name="connsiteX16" fmla="*/ 1182310 w 10512596"/>
              <a:gd name="connsiteY16" fmla="*/ 1731426 h 5255466"/>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52823 w 10512596"/>
              <a:gd name="connsiteY8" fmla="*/ 3564633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52823 w 10512596"/>
              <a:gd name="connsiteY8" fmla="*/ 3564633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52823 w 10512596"/>
              <a:gd name="connsiteY8" fmla="*/ 3564633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52823 w 10512596"/>
              <a:gd name="connsiteY8" fmla="*/ 3564633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3311"/>
              <a:gd name="connsiteY0" fmla="*/ 1731426 h 5221779"/>
              <a:gd name="connsiteX1" fmla="*/ 5101326 w 10513311"/>
              <a:gd name="connsiteY1" fmla="*/ 1733439 h 5221779"/>
              <a:gd name="connsiteX2" fmla="*/ 5278053 w 10513311"/>
              <a:gd name="connsiteY2" fmla="*/ 1629951 h 5221779"/>
              <a:gd name="connsiteX3" fmla="*/ 6195092 w 10513311"/>
              <a:gd name="connsiteY3" fmla="*/ 107108 h 5221779"/>
              <a:gd name="connsiteX4" fmla="*/ 6389261 w 10513311"/>
              <a:gd name="connsiteY4" fmla="*/ 3490 h 5221779"/>
              <a:gd name="connsiteX5" fmla="*/ 10288517 w 10513311"/>
              <a:gd name="connsiteY5" fmla="*/ 0 h 5221779"/>
              <a:gd name="connsiteX6" fmla="*/ 10512596 w 10513311"/>
              <a:gd name="connsiteY6" fmla="*/ 224041 h 5221779"/>
              <a:gd name="connsiteX7" fmla="*/ 10512596 w 10513311"/>
              <a:gd name="connsiteY7" fmla="*/ 3369167 h 5221779"/>
              <a:gd name="connsiteX8" fmla="*/ 10474254 w 10513311"/>
              <a:gd name="connsiteY8" fmla="*/ 3524152 h 5221779"/>
              <a:gd name="connsiteX9" fmla="*/ 9541470 w 10513311"/>
              <a:gd name="connsiteY9" fmla="*/ 5088634 h 5221779"/>
              <a:gd name="connsiteX10" fmla="*/ 9334059 w 10513311"/>
              <a:gd name="connsiteY10" fmla="*/ 5221779 h 5221779"/>
              <a:gd name="connsiteX11" fmla="*/ 203810 w 10513311"/>
              <a:gd name="connsiteY11" fmla="*/ 5219549 h 5221779"/>
              <a:gd name="connsiteX12" fmla="*/ 1162 w 10513311"/>
              <a:gd name="connsiteY12" fmla="*/ 4995508 h 5221779"/>
              <a:gd name="connsiteX13" fmla="*/ 1164 w 10513311"/>
              <a:gd name="connsiteY13" fmla="*/ 3555399 h 5221779"/>
              <a:gd name="connsiteX14" fmla="*/ 67852 w 10513311"/>
              <a:gd name="connsiteY14" fmla="*/ 3354279 h 5221779"/>
              <a:gd name="connsiteX15" fmla="*/ 982563 w 10513311"/>
              <a:gd name="connsiteY15" fmla="*/ 1838440 h 5221779"/>
              <a:gd name="connsiteX16" fmla="*/ 1182310 w 10513311"/>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74254 w 10512596"/>
              <a:gd name="connsiteY8" fmla="*/ 3524152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74254 w 10512596"/>
              <a:gd name="connsiteY8" fmla="*/ 3524152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74254 w 10512596"/>
              <a:gd name="connsiteY8" fmla="*/ 3524152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74254 w 10512596"/>
              <a:gd name="connsiteY8" fmla="*/ 3524152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74254 w 10512596"/>
              <a:gd name="connsiteY8" fmla="*/ 3524152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512596" h="5221779">
                <a:moveTo>
                  <a:pt x="1182310" y="1731426"/>
                </a:moveTo>
                <a:lnTo>
                  <a:pt x="5101326" y="1733439"/>
                </a:lnTo>
                <a:cubicBezTo>
                  <a:pt x="5187759" y="1731379"/>
                  <a:pt x="5236735" y="1693215"/>
                  <a:pt x="5278053" y="1629951"/>
                </a:cubicBezTo>
                <a:lnTo>
                  <a:pt x="6195092" y="107108"/>
                </a:lnTo>
                <a:cubicBezTo>
                  <a:pt x="6241559" y="32087"/>
                  <a:pt x="6288024" y="4692"/>
                  <a:pt x="6389261" y="3490"/>
                </a:cubicBezTo>
                <a:lnTo>
                  <a:pt x="10288517" y="0"/>
                </a:lnTo>
                <a:cubicBezTo>
                  <a:pt x="10412256" y="0"/>
                  <a:pt x="10512596" y="100323"/>
                  <a:pt x="10512596" y="224041"/>
                </a:cubicBezTo>
                <a:lnTo>
                  <a:pt x="10512596" y="3369167"/>
                </a:lnTo>
                <a:cubicBezTo>
                  <a:pt x="10512596" y="3440497"/>
                  <a:pt x="10500363" y="3471764"/>
                  <a:pt x="10474254" y="3524152"/>
                </a:cubicBezTo>
                <a:lnTo>
                  <a:pt x="9541470" y="5088634"/>
                </a:lnTo>
                <a:cubicBezTo>
                  <a:pt x="9484406" y="5174359"/>
                  <a:pt x="9438834" y="5221672"/>
                  <a:pt x="9334059" y="5221779"/>
                </a:cubicBezTo>
                <a:lnTo>
                  <a:pt x="203810" y="5219549"/>
                </a:lnTo>
                <a:cubicBezTo>
                  <a:pt x="87215" y="5214786"/>
                  <a:pt x="2474" y="5126579"/>
                  <a:pt x="1162" y="4995508"/>
                </a:cubicBezTo>
                <a:cubicBezTo>
                  <a:pt x="726" y="4489153"/>
                  <a:pt x="-1220" y="4036106"/>
                  <a:pt x="1164" y="3555399"/>
                </a:cubicBezTo>
                <a:cubicBezTo>
                  <a:pt x="1166" y="3458074"/>
                  <a:pt x="17933" y="3437527"/>
                  <a:pt x="67852" y="3354279"/>
                </a:cubicBezTo>
                <a:lnTo>
                  <a:pt x="982563" y="1838440"/>
                </a:lnTo>
                <a:cubicBezTo>
                  <a:pt x="1029400" y="1761036"/>
                  <a:pt x="1085889" y="1728850"/>
                  <a:pt x="1182310" y="1731426"/>
                </a:cubicBezTo>
                <a:close/>
              </a:path>
            </a:pathLst>
          </a:custGeom>
        </p:spPr>
        <p:txBody>
          <a:bodyPr wrap="square" anchor="ctr">
            <a:noAutofit/>
          </a:bodyPr>
          <a:lstStyle>
            <a:lvl1pPr marL="0" indent="0" algn="ctr">
              <a:buNone/>
              <a:defRPr/>
            </a:lvl1pPr>
          </a:lstStyle>
          <a:p>
            <a:r>
              <a:rPr lang="nb-NO" dirty="0"/>
              <a:t>Klikk på ikonet for å legge til et bilde</a:t>
            </a:r>
          </a:p>
          <a:p>
            <a:endParaRPr lang="nb-NO" dirty="0"/>
          </a:p>
          <a:p>
            <a:endParaRPr lang="nb-NO" dirty="0"/>
          </a:p>
        </p:txBody>
      </p:sp>
      <p:pic>
        <p:nvPicPr>
          <p:cNvPr id="8" name="Bilde 7">
            <a:extLst>
              <a:ext uri="{FF2B5EF4-FFF2-40B4-BE49-F238E27FC236}">
                <a16:creationId xmlns:a16="http://schemas.microsoft.com/office/drawing/2014/main" id="{549FC9F5-99DD-1F7B-8314-12867514399A}"/>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pic>
        <p:nvPicPr>
          <p:cNvPr id="41" name="Bilde 40">
            <a:extLst>
              <a:ext uri="{FF2B5EF4-FFF2-40B4-BE49-F238E27FC236}">
                <a16:creationId xmlns:a16="http://schemas.microsoft.com/office/drawing/2014/main" id="{59A61231-5D90-F084-BD09-FB9296AC37C8}"/>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13" name="Bilde 1">
            <a:extLst>
              <a:ext uri="{FF2B5EF4-FFF2-40B4-BE49-F238E27FC236}">
                <a16:creationId xmlns:a16="http://schemas.microsoft.com/office/drawing/2014/main" id="{0144CC20-254D-4AED-2F41-C69E804B4AAE}"/>
              </a:ext>
            </a:extLst>
          </p:cNvPr>
          <p:cNvPicPr>
            <a:picLocks noChangeAspect="1"/>
          </p:cNvPicPr>
          <p:nvPr userDrawn="1"/>
        </p:nvPicPr>
        <p:blipFill>
          <a:blip r:embed="rId4"/>
          <a:stretch>
            <a:fillRect/>
          </a:stretch>
        </p:blipFill>
        <p:spPr>
          <a:xfrm>
            <a:off x="1020648" y="985723"/>
            <a:ext cx="5058047" cy="1675899"/>
          </a:xfrm>
          <a:prstGeom prst="rect">
            <a:avLst/>
          </a:prstGeom>
        </p:spPr>
      </p:pic>
    </p:spTree>
    <p:extLst>
      <p:ext uri="{BB962C8B-B14F-4D97-AF65-F5344CB8AC3E}">
        <p14:creationId xmlns:p14="http://schemas.microsoft.com/office/powerpoint/2010/main" val="1639243284"/>
      </p:ext>
    </p:extLst>
  </p:cSld>
  <p:clrMapOvr>
    <a:overrideClrMapping bg1="lt1" tx1="dk1" bg2="lt2" tx2="dk2" accent1="accent1" accent2="accent2" accent3="accent3" accent4="accent4" accent5="accent5" accent6="accent6" hlink="hlink" folHlink="folHlink"/>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5 Bilder (v2)">
    <p:spTree>
      <p:nvGrpSpPr>
        <p:cNvPr id="1" name=""/>
        <p:cNvGrpSpPr/>
        <p:nvPr/>
      </p:nvGrpSpPr>
      <p:grpSpPr>
        <a:xfrm>
          <a:off x="0" y="0"/>
          <a:ext cx="0" cy="0"/>
          <a:chOff x="0" y="0"/>
          <a:chExt cx="0" cy="0"/>
        </a:xfrm>
      </p:grpSpPr>
      <p:sp>
        <p:nvSpPr>
          <p:cNvPr id="3" name="Plassholder for tekst 2">
            <a:extLst>
              <a:ext uri="{FF2B5EF4-FFF2-40B4-BE49-F238E27FC236}">
                <a16:creationId xmlns:a16="http://schemas.microsoft.com/office/drawing/2014/main" id="{86E2B3C6-9D86-9A92-BE07-9365AEC0262F}"/>
              </a:ext>
            </a:extLst>
          </p:cNvPr>
          <p:cNvSpPr>
            <a:spLocks noGrp="1"/>
          </p:cNvSpPr>
          <p:nvPr>
            <p:ph type="body" idx="1" hasCustomPrompt="1"/>
          </p:nvPr>
        </p:nvSpPr>
        <p:spPr>
          <a:xfrm>
            <a:off x="839789" y="1440000"/>
            <a:ext cx="3014582"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CB5DEFFC-D7C4-6B35-6CEB-9E471EACDB7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5" name="Plassholder for bilde 7">
            <a:extLst>
              <a:ext uri="{FF2B5EF4-FFF2-40B4-BE49-F238E27FC236}">
                <a16:creationId xmlns:a16="http://schemas.microsoft.com/office/drawing/2014/main" id="{F9D0DD48-D3B5-E6B7-A0AD-3711AFFC6E20}"/>
              </a:ext>
            </a:extLst>
          </p:cNvPr>
          <p:cNvSpPr>
            <a:spLocks noGrp="1"/>
          </p:cNvSpPr>
          <p:nvPr>
            <p:ph type="pic" sz="quarter" idx="18" hasCustomPrompt="1"/>
          </p:nvPr>
        </p:nvSpPr>
        <p:spPr>
          <a:xfrm>
            <a:off x="838200"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7" name="Plassholder for tekst 2">
            <a:extLst>
              <a:ext uri="{FF2B5EF4-FFF2-40B4-BE49-F238E27FC236}">
                <a16:creationId xmlns:a16="http://schemas.microsoft.com/office/drawing/2014/main" id="{579B4212-6066-1936-99A9-F11830993D55}"/>
              </a:ext>
            </a:extLst>
          </p:cNvPr>
          <p:cNvSpPr>
            <a:spLocks noGrp="1"/>
          </p:cNvSpPr>
          <p:nvPr>
            <p:ph type="body" idx="19" hasCustomPrompt="1"/>
          </p:nvPr>
        </p:nvSpPr>
        <p:spPr>
          <a:xfrm>
            <a:off x="4584795" y="1440000"/>
            <a:ext cx="3014582"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9" name="Plassholder for bilde 7">
            <a:extLst>
              <a:ext uri="{FF2B5EF4-FFF2-40B4-BE49-F238E27FC236}">
                <a16:creationId xmlns:a16="http://schemas.microsoft.com/office/drawing/2014/main" id="{9FF8982C-B885-8393-46D0-D8BEC14E2DEF}"/>
              </a:ext>
            </a:extLst>
          </p:cNvPr>
          <p:cNvSpPr>
            <a:spLocks noGrp="1"/>
          </p:cNvSpPr>
          <p:nvPr>
            <p:ph type="pic" sz="quarter" idx="20" hasCustomPrompt="1"/>
          </p:nvPr>
        </p:nvSpPr>
        <p:spPr>
          <a:xfrm>
            <a:off x="4583206"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15" name="Plassholder for tekst 2">
            <a:extLst>
              <a:ext uri="{FF2B5EF4-FFF2-40B4-BE49-F238E27FC236}">
                <a16:creationId xmlns:a16="http://schemas.microsoft.com/office/drawing/2014/main" id="{3DAF464D-5150-2CD2-B287-E5DE65E0CEB1}"/>
              </a:ext>
            </a:extLst>
          </p:cNvPr>
          <p:cNvSpPr>
            <a:spLocks noGrp="1"/>
          </p:cNvSpPr>
          <p:nvPr>
            <p:ph type="body" idx="21" hasCustomPrompt="1"/>
          </p:nvPr>
        </p:nvSpPr>
        <p:spPr>
          <a:xfrm>
            <a:off x="8336524" y="1440000"/>
            <a:ext cx="3014582"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6" name="Plassholder for bilde 7">
            <a:extLst>
              <a:ext uri="{FF2B5EF4-FFF2-40B4-BE49-F238E27FC236}">
                <a16:creationId xmlns:a16="http://schemas.microsoft.com/office/drawing/2014/main" id="{C4CB5FB2-868E-866B-B7FA-1A4A8EBBDBFC}"/>
              </a:ext>
            </a:extLst>
          </p:cNvPr>
          <p:cNvSpPr>
            <a:spLocks noGrp="1"/>
          </p:cNvSpPr>
          <p:nvPr>
            <p:ph type="pic" sz="quarter" idx="22" hasCustomPrompt="1"/>
          </p:nvPr>
        </p:nvSpPr>
        <p:spPr>
          <a:xfrm>
            <a:off x="8334935"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21" name="Tittel 1">
            <a:extLst>
              <a:ext uri="{FF2B5EF4-FFF2-40B4-BE49-F238E27FC236}">
                <a16:creationId xmlns:a16="http://schemas.microsoft.com/office/drawing/2014/main" id="{0321C738-ECD7-CCB3-D765-A186C5369493}"/>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
        <p:nvSpPr>
          <p:cNvPr id="13" name="Plassholder for tekst 2">
            <a:extLst>
              <a:ext uri="{FF2B5EF4-FFF2-40B4-BE49-F238E27FC236}">
                <a16:creationId xmlns:a16="http://schemas.microsoft.com/office/drawing/2014/main" id="{E357181C-3944-182F-334F-B3748AE335AE}"/>
              </a:ext>
            </a:extLst>
          </p:cNvPr>
          <p:cNvSpPr>
            <a:spLocks noGrp="1"/>
          </p:cNvSpPr>
          <p:nvPr>
            <p:ph type="body" idx="23" hasCustomPrompt="1"/>
          </p:nvPr>
        </p:nvSpPr>
        <p:spPr>
          <a:xfrm>
            <a:off x="2693944" y="3838556"/>
            <a:ext cx="3014582"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7" name="Plassholder for bilde 7">
            <a:extLst>
              <a:ext uri="{FF2B5EF4-FFF2-40B4-BE49-F238E27FC236}">
                <a16:creationId xmlns:a16="http://schemas.microsoft.com/office/drawing/2014/main" id="{F000B82B-10B3-4534-A66C-BF9ACBAD7F6C}"/>
              </a:ext>
            </a:extLst>
          </p:cNvPr>
          <p:cNvSpPr>
            <a:spLocks noGrp="1"/>
          </p:cNvSpPr>
          <p:nvPr>
            <p:ph type="pic" sz="quarter" idx="24" hasCustomPrompt="1"/>
          </p:nvPr>
        </p:nvSpPr>
        <p:spPr>
          <a:xfrm>
            <a:off x="2692355" y="4450556"/>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18" name="Plassholder for tekst 2">
            <a:extLst>
              <a:ext uri="{FF2B5EF4-FFF2-40B4-BE49-F238E27FC236}">
                <a16:creationId xmlns:a16="http://schemas.microsoft.com/office/drawing/2014/main" id="{9655EA49-F11E-DD9D-6503-1DE6413A690F}"/>
              </a:ext>
            </a:extLst>
          </p:cNvPr>
          <p:cNvSpPr>
            <a:spLocks noGrp="1"/>
          </p:cNvSpPr>
          <p:nvPr>
            <p:ph type="body" idx="25" hasCustomPrompt="1"/>
          </p:nvPr>
        </p:nvSpPr>
        <p:spPr>
          <a:xfrm>
            <a:off x="6438950" y="3838556"/>
            <a:ext cx="3014582"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9" name="Plassholder for bilde 7">
            <a:extLst>
              <a:ext uri="{FF2B5EF4-FFF2-40B4-BE49-F238E27FC236}">
                <a16:creationId xmlns:a16="http://schemas.microsoft.com/office/drawing/2014/main" id="{DC97E4C9-16DA-6949-F1AF-EF19A0AF2787}"/>
              </a:ext>
            </a:extLst>
          </p:cNvPr>
          <p:cNvSpPr>
            <a:spLocks noGrp="1"/>
          </p:cNvSpPr>
          <p:nvPr>
            <p:ph type="pic" sz="quarter" idx="26" hasCustomPrompt="1"/>
          </p:nvPr>
        </p:nvSpPr>
        <p:spPr>
          <a:xfrm>
            <a:off x="6437361" y="4450556"/>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Tree>
    <p:extLst>
      <p:ext uri="{BB962C8B-B14F-4D97-AF65-F5344CB8AC3E}">
        <p14:creationId xmlns:p14="http://schemas.microsoft.com/office/powerpoint/2010/main" val="3289188826"/>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5 Bilder (v3)">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2" name="Bilde 1">
            <a:extLst>
              <a:ext uri="{FF2B5EF4-FFF2-40B4-BE49-F238E27FC236}">
                <a16:creationId xmlns:a16="http://schemas.microsoft.com/office/drawing/2014/main" id="{4048E809-A4B9-794D-10F7-F37BAEF9676C}"/>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5" name="Tittel 1">
            <a:extLst>
              <a:ext uri="{FF2B5EF4-FFF2-40B4-BE49-F238E27FC236}">
                <a16:creationId xmlns:a16="http://schemas.microsoft.com/office/drawing/2014/main" id="{CB046190-18F1-B510-732D-0343420A73A7}"/>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
        <p:nvSpPr>
          <p:cNvPr id="12" name="Freeform: Shape 15">
            <a:extLst>
              <a:ext uri="{FF2B5EF4-FFF2-40B4-BE49-F238E27FC236}">
                <a16:creationId xmlns:a16="http://schemas.microsoft.com/office/drawing/2014/main" id="{F71C0C37-4DAA-0337-06B9-7E3FE2DDA48B}"/>
              </a:ext>
            </a:extLst>
          </p:cNvPr>
          <p:cNvSpPr/>
          <p:nvPr userDrawn="1"/>
        </p:nvSpPr>
        <p:spPr>
          <a:xfrm>
            <a:off x="2571327" y="5558400"/>
            <a:ext cx="219794" cy="331653"/>
          </a:xfrm>
          <a:custGeom>
            <a:avLst/>
            <a:gdLst>
              <a:gd name="connsiteX0" fmla="*/ 185273 w 209951"/>
              <a:gd name="connsiteY0" fmla="*/ 316802 h 316801"/>
              <a:gd name="connsiteX1" fmla="*/ 24555 w 209951"/>
              <a:gd name="connsiteY1" fmla="*/ 316802 h 316801"/>
              <a:gd name="connsiteX2" fmla="*/ 3610 w 209951"/>
              <a:gd name="connsiteY2" fmla="*/ 279681 h 316801"/>
              <a:gd name="connsiteX3" fmla="*/ 164328 w 209951"/>
              <a:gd name="connsiteY3" fmla="*/ 11955 h 316801"/>
              <a:gd name="connsiteX4" fmla="*/ 209951 w 209951"/>
              <a:gd name="connsiteY4" fmla="*/ 24605 h 316801"/>
              <a:gd name="connsiteX5" fmla="*/ 209951 w 209951"/>
              <a:gd name="connsiteY5" fmla="*/ 292331 h 316801"/>
              <a:gd name="connsiteX6" fmla="*/ 185481 w 209951"/>
              <a:gd name="connsiteY6" fmla="*/ 316802 h 316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9951" h="316801">
                <a:moveTo>
                  <a:pt x="185273" y="316802"/>
                </a:moveTo>
                <a:lnTo>
                  <a:pt x="24555" y="316802"/>
                </a:lnTo>
                <a:cubicBezTo>
                  <a:pt x="5476" y="316802"/>
                  <a:pt x="-6344" y="296064"/>
                  <a:pt x="3610" y="279681"/>
                </a:cubicBezTo>
                <a:lnTo>
                  <a:pt x="164328" y="11955"/>
                </a:lnTo>
                <a:cubicBezTo>
                  <a:pt x="177186" y="-9405"/>
                  <a:pt x="209951" y="-280"/>
                  <a:pt x="209951" y="24605"/>
                </a:cubicBezTo>
                <a:lnTo>
                  <a:pt x="209951" y="292331"/>
                </a:lnTo>
                <a:cubicBezTo>
                  <a:pt x="209951" y="305811"/>
                  <a:pt x="198960" y="316802"/>
                  <a:pt x="185481" y="316802"/>
                </a:cubicBezTo>
              </a:path>
            </a:pathLst>
          </a:custGeom>
          <a:solidFill>
            <a:srgbClr val="F48622"/>
          </a:solidFill>
          <a:ln w="0" cap="flat">
            <a:noFill/>
            <a:prstDash val="solid"/>
            <a:miter/>
          </a:ln>
        </p:spPr>
        <p:txBody>
          <a:bodyPr rtlCol="0" anchor="ctr"/>
          <a:lstStyle/>
          <a:p>
            <a:endParaRPr lang="nb-NO"/>
          </a:p>
        </p:txBody>
      </p:sp>
      <p:sp>
        <p:nvSpPr>
          <p:cNvPr id="17" name="Plassholder for bilde 16">
            <a:extLst>
              <a:ext uri="{FF2B5EF4-FFF2-40B4-BE49-F238E27FC236}">
                <a16:creationId xmlns:a16="http://schemas.microsoft.com/office/drawing/2014/main" id="{C7AC075C-21A1-3219-9746-F5D53FDFA8EC}"/>
              </a:ext>
            </a:extLst>
          </p:cNvPr>
          <p:cNvSpPr>
            <a:spLocks noGrp="1"/>
          </p:cNvSpPr>
          <p:nvPr>
            <p:ph type="pic" sz="quarter" idx="10" hasCustomPrompt="1"/>
          </p:nvPr>
        </p:nvSpPr>
        <p:spPr>
          <a:xfrm>
            <a:off x="829914" y="1440000"/>
            <a:ext cx="1961208" cy="4439600"/>
          </a:xfrm>
          <a:custGeom>
            <a:avLst/>
            <a:gdLst>
              <a:gd name="connsiteX0" fmla="*/ 84182 w 1961208"/>
              <a:gd name="connsiteY0" fmla="*/ 0 h 4439600"/>
              <a:gd name="connsiteX1" fmla="*/ 1877026 w 1961208"/>
              <a:gd name="connsiteY1" fmla="*/ 0 h 4439600"/>
              <a:gd name="connsiteX2" fmla="*/ 1961208 w 1961208"/>
              <a:gd name="connsiteY2" fmla="*/ 84185 h 4439600"/>
              <a:gd name="connsiteX3" fmla="*/ 1961208 w 1961208"/>
              <a:gd name="connsiteY3" fmla="*/ 3762515 h 4439600"/>
              <a:gd name="connsiteX4" fmla="*/ 1949210 w 1961208"/>
              <a:gd name="connsiteY4" fmla="*/ 3805835 h 4439600"/>
              <a:gd name="connsiteX5" fmla="*/ 1593496 w 1961208"/>
              <a:gd name="connsiteY5" fmla="*/ 4398734 h 4439600"/>
              <a:gd name="connsiteX6" fmla="*/ 1521312 w 1961208"/>
              <a:gd name="connsiteY6" fmla="*/ 4439600 h 4439600"/>
              <a:gd name="connsiteX7" fmla="*/ 84182 w 1961208"/>
              <a:gd name="connsiteY7" fmla="*/ 4439600 h 4439600"/>
              <a:gd name="connsiteX8" fmla="*/ 0 w 1961208"/>
              <a:gd name="connsiteY8" fmla="*/ 4355414 h 4439600"/>
              <a:gd name="connsiteX9" fmla="*/ 0 w 1961208"/>
              <a:gd name="connsiteY9" fmla="*/ 84185 h 4439600"/>
              <a:gd name="connsiteX10" fmla="*/ 84182 w 1961208"/>
              <a:gd name="connsiteY10" fmla="*/ 0 h 4439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61208" h="4439600">
                <a:moveTo>
                  <a:pt x="84182" y="0"/>
                </a:moveTo>
                <a:lnTo>
                  <a:pt x="1877026" y="0"/>
                </a:lnTo>
                <a:cubicBezTo>
                  <a:pt x="1923512" y="0"/>
                  <a:pt x="1961208" y="37697"/>
                  <a:pt x="1961208" y="84185"/>
                </a:cubicBezTo>
                <a:lnTo>
                  <a:pt x="1961208" y="3762515"/>
                </a:lnTo>
                <a:cubicBezTo>
                  <a:pt x="1961208" y="3777779"/>
                  <a:pt x="1957070" y="3792748"/>
                  <a:pt x="1949210" y="3805835"/>
                </a:cubicBezTo>
                <a:lnTo>
                  <a:pt x="1593496" y="4398734"/>
                </a:lnTo>
                <a:cubicBezTo>
                  <a:pt x="1578291" y="4424077"/>
                  <a:pt x="1550891" y="4439600"/>
                  <a:pt x="1521312" y="4439600"/>
                </a:cubicBezTo>
                <a:lnTo>
                  <a:pt x="84182" y="4439600"/>
                </a:lnTo>
                <a:cubicBezTo>
                  <a:pt x="37696" y="4439600"/>
                  <a:pt x="0" y="4401902"/>
                  <a:pt x="0" y="4355414"/>
                </a:cubicBezTo>
                <a:lnTo>
                  <a:pt x="0" y="84185"/>
                </a:lnTo>
                <a:cubicBezTo>
                  <a:pt x="0" y="37697"/>
                  <a:pt x="37696" y="0"/>
                  <a:pt x="84182" y="0"/>
                </a:cubicBezTo>
                <a:close/>
              </a:path>
            </a:pathLst>
          </a:custGeom>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20" name="Freeform: Shape 15">
            <a:extLst>
              <a:ext uri="{FF2B5EF4-FFF2-40B4-BE49-F238E27FC236}">
                <a16:creationId xmlns:a16="http://schemas.microsoft.com/office/drawing/2014/main" id="{BADBC17A-1F14-880E-D8B0-857A2203774E}"/>
              </a:ext>
            </a:extLst>
          </p:cNvPr>
          <p:cNvSpPr/>
          <p:nvPr userDrawn="1"/>
        </p:nvSpPr>
        <p:spPr>
          <a:xfrm>
            <a:off x="4711997" y="5558400"/>
            <a:ext cx="219794" cy="331653"/>
          </a:xfrm>
          <a:custGeom>
            <a:avLst/>
            <a:gdLst>
              <a:gd name="connsiteX0" fmla="*/ 185273 w 209951"/>
              <a:gd name="connsiteY0" fmla="*/ 316802 h 316801"/>
              <a:gd name="connsiteX1" fmla="*/ 24555 w 209951"/>
              <a:gd name="connsiteY1" fmla="*/ 316802 h 316801"/>
              <a:gd name="connsiteX2" fmla="*/ 3610 w 209951"/>
              <a:gd name="connsiteY2" fmla="*/ 279681 h 316801"/>
              <a:gd name="connsiteX3" fmla="*/ 164328 w 209951"/>
              <a:gd name="connsiteY3" fmla="*/ 11955 h 316801"/>
              <a:gd name="connsiteX4" fmla="*/ 209951 w 209951"/>
              <a:gd name="connsiteY4" fmla="*/ 24605 h 316801"/>
              <a:gd name="connsiteX5" fmla="*/ 209951 w 209951"/>
              <a:gd name="connsiteY5" fmla="*/ 292331 h 316801"/>
              <a:gd name="connsiteX6" fmla="*/ 185481 w 209951"/>
              <a:gd name="connsiteY6" fmla="*/ 316802 h 316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9951" h="316801">
                <a:moveTo>
                  <a:pt x="185273" y="316802"/>
                </a:moveTo>
                <a:lnTo>
                  <a:pt x="24555" y="316802"/>
                </a:lnTo>
                <a:cubicBezTo>
                  <a:pt x="5476" y="316802"/>
                  <a:pt x="-6344" y="296064"/>
                  <a:pt x="3610" y="279681"/>
                </a:cubicBezTo>
                <a:lnTo>
                  <a:pt x="164328" y="11955"/>
                </a:lnTo>
                <a:cubicBezTo>
                  <a:pt x="177186" y="-9405"/>
                  <a:pt x="209951" y="-280"/>
                  <a:pt x="209951" y="24605"/>
                </a:cubicBezTo>
                <a:lnTo>
                  <a:pt x="209951" y="292331"/>
                </a:lnTo>
                <a:cubicBezTo>
                  <a:pt x="209951" y="305811"/>
                  <a:pt x="198960" y="316802"/>
                  <a:pt x="185481" y="316802"/>
                </a:cubicBezTo>
              </a:path>
            </a:pathLst>
          </a:custGeom>
          <a:solidFill>
            <a:srgbClr val="F48622"/>
          </a:solidFill>
          <a:ln w="0" cap="flat">
            <a:noFill/>
            <a:prstDash val="solid"/>
            <a:miter/>
          </a:ln>
        </p:spPr>
        <p:txBody>
          <a:bodyPr rtlCol="0" anchor="ctr"/>
          <a:lstStyle/>
          <a:p>
            <a:endParaRPr lang="nb-NO"/>
          </a:p>
        </p:txBody>
      </p:sp>
      <p:sp>
        <p:nvSpPr>
          <p:cNvPr id="21" name="Plassholder for bilde 20">
            <a:extLst>
              <a:ext uri="{FF2B5EF4-FFF2-40B4-BE49-F238E27FC236}">
                <a16:creationId xmlns:a16="http://schemas.microsoft.com/office/drawing/2014/main" id="{3AF72F64-9105-6C76-720A-2BBA6DD00FEA}"/>
              </a:ext>
            </a:extLst>
          </p:cNvPr>
          <p:cNvSpPr>
            <a:spLocks noGrp="1"/>
          </p:cNvSpPr>
          <p:nvPr>
            <p:ph type="pic" sz="quarter" idx="11" hasCustomPrompt="1"/>
          </p:nvPr>
        </p:nvSpPr>
        <p:spPr>
          <a:xfrm>
            <a:off x="2970583" y="1440000"/>
            <a:ext cx="1961208" cy="4439600"/>
          </a:xfrm>
          <a:custGeom>
            <a:avLst/>
            <a:gdLst>
              <a:gd name="connsiteX0" fmla="*/ 84182 w 1961208"/>
              <a:gd name="connsiteY0" fmla="*/ 0 h 4439600"/>
              <a:gd name="connsiteX1" fmla="*/ 1877026 w 1961208"/>
              <a:gd name="connsiteY1" fmla="*/ 0 h 4439600"/>
              <a:gd name="connsiteX2" fmla="*/ 1961208 w 1961208"/>
              <a:gd name="connsiteY2" fmla="*/ 84185 h 4439600"/>
              <a:gd name="connsiteX3" fmla="*/ 1961208 w 1961208"/>
              <a:gd name="connsiteY3" fmla="*/ 3762515 h 4439600"/>
              <a:gd name="connsiteX4" fmla="*/ 1949210 w 1961208"/>
              <a:gd name="connsiteY4" fmla="*/ 3805835 h 4439600"/>
              <a:gd name="connsiteX5" fmla="*/ 1593496 w 1961208"/>
              <a:gd name="connsiteY5" fmla="*/ 4398734 h 4439600"/>
              <a:gd name="connsiteX6" fmla="*/ 1521312 w 1961208"/>
              <a:gd name="connsiteY6" fmla="*/ 4439600 h 4439600"/>
              <a:gd name="connsiteX7" fmla="*/ 84182 w 1961208"/>
              <a:gd name="connsiteY7" fmla="*/ 4439600 h 4439600"/>
              <a:gd name="connsiteX8" fmla="*/ 0 w 1961208"/>
              <a:gd name="connsiteY8" fmla="*/ 4355414 h 4439600"/>
              <a:gd name="connsiteX9" fmla="*/ 0 w 1961208"/>
              <a:gd name="connsiteY9" fmla="*/ 84185 h 4439600"/>
              <a:gd name="connsiteX10" fmla="*/ 84182 w 1961208"/>
              <a:gd name="connsiteY10" fmla="*/ 0 h 4439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61208" h="4439600">
                <a:moveTo>
                  <a:pt x="84182" y="0"/>
                </a:moveTo>
                <a:lnTo>
                  <a:pt x="1877026" y="0"/>
                </a:lnTo>
                <a:cubicBezTo>
                  <a:pt x="1923512" y="0"/>
                  <a:pt x="1961208" y="37697"/>
                  <a:pt x="1961208" y="84185"/>
                </a:cubicBezTo>
                <a:lnTo>
                  <a:pt x="1961208" y="3762515"/>
                </a:lnTo>
                <a:cubicBezTo>
                  <a:pt x="1961208" y="3777779"/>
                  <a:pt x="1957070" y="3792748"/>
                  <a:pt x="1949210" y="3805835"/>
                </a:cubicBezTo>
                <a:lnTo>
                  <a:pt x="1593496" y="4398734"/>
                </a:lnTo>
                <a:cubicBezTo>
                  <a:pt x="1578291" y="4424077"/>
                  <a:pt x="1550891" y="4439600"/>
                  <a:pt x="1521312" y="4439600"/>
                </a:cubicBezTo>
                <a:lnTo>
                  <a:pt x="84182" y="4439600"/>
                </a:lnTo>
                <a:cubicBezTo>
                  <a:pt x="37696" y="4439600"/>
                  <a:pt x="0" y="4401902"/>
                  <a:pt x="0" y="4355414"/>
                </a:cubicBezTo>
                <a:lnTo>
                  <a:pt x="0" y="84185"/>
                </a:lnTo>
                <a:cubicBezTo>
                  <a:pt x="0" y="37697"/>
                  <a:pt x="37696" y="0"/>
                  <a:pt x="84182" y="0"/>
                </a:cubicBezTo>
                <a:close/>
              </a:path>
            </a:pathLst>
          </a:custGeom>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22" name="Plassholder for bilde 21">
            <a:extLst>
              <a:ext uri="{FF2B5EF4-FFF2-40B4-BE49-F238E27FC236}">
                <a16:creationId xmlns:a16="http://schemas.microsoft.com/office/drawing/2014/main" id="{879B2134-F8A0-C008-4101-F219BB4D2007}"/>
              </a:ext>
            </a:extLst>
          </p:cNvPr>
          <p:cNvSpPr>
            <a:spLocks noGrp="1"/>
          </p:cNvSpPr>
          <p:nvPr>
            <p:ph type="pic" sz="quarter" idx="12" hasCustomPrompt="1"/>
          </p:nvPr>
        </p:nvSpPr>
        <p:spPr>
          <a:xfrm>
            <a:off x="5111253" y="1440000"/>
            <a:ext cx="1961208" cy="4439600"/>
          </a:xfrm>
          <a:custGeom>
            <a:avLst/>
            <a:gdLst>
              <a:gd name="connsiteX0" fmla="*/ 84182 w 1961208"/>
              <a:gd name="connsiteY0" fmla="*/ 0 h 4439600"/>
              <a:gd name="connsiteX1" fmla="*/ 1877026 w 1961208"/>
              <a:gd name="connsiteY1" fmla="*/ 0 h 4439600"/>
              <a:gd name="connsiteX2" fmla="*/ 1961208 w 1961208"/>
              <a:gd name="connsiteY2" fmla="*/ 84185 h 4439600"/>
              <a:gd name="connsiteX3" fmla="*/ 1961208 w 1961208"/>
              <a:gd name="connsiteY3" fmla="*/ 3762515 h 4439600"/>
              <a:gd name="connsiteX4" fmla="*/ 1949210 w 1961208"/>
              <a:gd name="connsiteY4" fmla="*/ 3805835 h 4439600"/>
              <a:gd name="connsiteX5" fmla="*/ 1593496 w 1961208"/>
              <a:gd name="connsiteY5" fmla="*/ 4398734 h 4439600"/>
              <a:gd name="connsiteX6" fmla="*/ 1521312 w 1961208"/>
              <a:gd name="connsiteY6" fmla="*/ 4439600 h 4439600"/>
              <a:gd name="connsiteX7" fmla="*/ 84182 w 1961208"/>
              <a:gd name="connsiteY7" fmla="*/ 4439600 h 4439600"/>
              <a:gd name="connsiteX8" fmla="*/ 0 w 1961208"/>
              <a:gd name="connsiteY8" fmla="*/ 4355414 h 4439600"/>
              <a:gd name="connsiteX9" fmla="*/ 0 w 1961208"/>
              <a:gd name="connsiteY9" fmla="*/ 84185 h 4439600"/>
              <a:gd name="connsiteX10" fmla="*/ 84182 w 1961208"/>
              <a:gd name="connsiteY10" fmla="*/ 0 h 4439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61208" h="4439600">
                <a:moveTo>
                  <a:pt x="84182" y="0"/>
                </a:moveTo>
                <a:lnTo>
                  <a:pt x="1877026" y="0"/>
                </a:lnTo>
                <a:cubicBezTo>
                  <a:pt x="1923512" y="0"/>
                  <a:pt x="1961208" y="37697"/>
                  <a:pt x="1961208" y="84185"/>
                </a:cubicBezTo>
                <a:lnTo>
                  <a:pt x="1961208" y="3762515"/>
                </a:lnTo>
                <a:cubicBezTo>
                  <a:pt x="1961208" y="3777779"/>
                  <a:pt x="1957070" y="3792748"/>
                  <a:pt x="1949210" y="3805835"/>
                </a:cubicBezTo>
                <a:lnTo>
                  <a:pt x="1593496" y="4398734"/>
                </a:lnTo>
                <a:cubicBezTo>
                  <a:pt x="1578291" y="4424077"/>
                  <a:pt x="1550891" y="4439600"/>
                  <a:pt x="1521312" y="4439600"/>
                </a:cubicBezTo>
                <a:lnTo>
                  <a:pt x="84182" y="4439600"/>
                </a:lnTo>
                <a:cubicBezTo>
                  <a:pt x="37696" y="4439600"/>
                  <a:pt x="0" y="4401902"/>
                  <a:pt x="0" y="4355414"/>
                </a:cubicBezTo>
                <a:lnTo>
                  <a:pt x="0" y="84185"/>
                </a:lnTo>
                <a:cubicBezTo>
                  <a:pt x="0" y="37697"/>
                  <a:pt x="37696" y="0"/>
                  <a:pt x="84182" y="0"/>
                </a:cubicBezTo>
                <a:close/>
              </a:path>
            </a:pathLst>
          </a:custGeom>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23" name="Plassholder for bilde 22">
            <a:extLst>
              <a:ext uri="{FF2B5EF4-FFF2-40B4-BE49-F238E27FC236}">
                <a16:creationId xmlns:a16="http://schemas.microsoft.com/office/drawing/2014/main" id="{64D1F799-0FE7-7C71-FCC8-825C2E3F1C67}"/>
              </a:ext>
            </a:extLst>
          </p:cNvPr>
          <p:cNvSpPr>
            <a:spLocks noGrp="1"/>
          </p:cNvSpPr>
          <p:nvPr>
            <p:ph type="pic" sz="quarter" idx="13" hasCustomPrompt="1"/>
          </p:nvPr>
        </p:nvSpPr>
        <p:spPr>
          <a:xfrm>
            <a:off x="7251923" y="1440000"/>
            <a:ext cx="1961208" cy="4439600"/>
          </a:xfrm>
          <a:custGeom>
            <a:avLst/>
            <a:gdLst>
              <a:gd name="connsiteX0" fmla="*/ 84182 w 1961208"/>
              <a:gd name="connsiteY0" fmla="*/ 0 h 4439600"/>
              <a:gd name="connsiteX1" fmla="*/ 1877026 w 1961208"/>
              <a:gd name="connsiteY1" fmla="*/ 0 h 4439600"/>
              <a:gd name="connsiteX2" fmla="*/ 1961208 w 1961208"/>
              <a:gd name="connsiteY2" fmla="*/ 84185 h 4439600"/>
              <a:gd name="connsiteX3" fmla="*/ 1961208 w 1961208"/>
              <a:gd name="connsiteY3" fmla="*/ 3762515 h 4439600"/>
              <a:gd name="connsiteX4" fmla="*/ 1949210 w 1961208"/>
              <a:gd name="connsiteY4" fmla="*/ 3805835 h 4439600"/>
              <a:gd name="connsiteX5" fmla="*/ 1593496 w 1961208"/>
              <a:gd name="connsiteY5" fmla="*/ 4398734 h 4439600"/>
              <a:gd name="connsiteX6" fmla="*/ 1521312 w 1961208"/>
              <a:gd name="connsiteY6" fmla="*/ 4439600 h 4439600"/>
              <a:gd name="connsiteX7" fmla="*/ 84182 w 1961208"/>
              <a:gd name="connsiteY7" fmla="*/ 4439600 h 4439600"/>
              <a:gd name="connsiteX8" fmla="*/ 0 w 1961208"/>
              <a:gd name="connsiteY8" fmla="*/ 4355414 h 4439600"/>
              <a:gd name="connsiteX9" fmla="*/ 0 w 1961208"/>
              <a:gd name="connsiteY9" fmla="*/ 84185 h 4439600"/>
              <a:gd name="connsiteX10" fmla="*/ 84182 w 1961208"/>
              <a:gd name="connsiteY10" fmla="*/ 0 h 4439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61208" h="4439600">
                <a:moveTo>
                  <a:pt x="84182" y="0"/>
                </a:moveTo>
                <a:lnTo>
                  <a:pt x="1877026" y="0"/>
                </a:lnTo>
                <a:cubicBezTo>
                  <a:pt x="1923512" y="0"/>
                  <a:pt x="1961208" y="37697"/>
                  <a:pt x="1961208" y="84185"/>
                </a:cubicBezTo>
                <a:lnTo>
                  <a:pt x="1961208" y="3762515"/>
                </a:lnTo>
                <a:cubicBezTo>
                  <a:pt x="1961208" y="3777779"/>
                  <a:pt x="1957070" y="3792748"/>
                  <a:pt x="1949210" y="3805835"/>
                </a:cubicBezTo>
                <a:lnTo>
                  <a:pt x="1593496" y="4398734"/>
                </a:lnTo>
                <a:cubicBezTo>
                  <a:pt x="1578291" y="4424077"/>
                  <a:pt x="1550891" y="4439600"/>
                  <a:pt x="1521312" y="4439600"/>
                </a:cubicBezTo>
                <a:lnTo>
                  <a:pt x="84182" y="4439600"/>
                </a:lnTo>
                <a:cubicBezTo>
                  <a:pt x="37696" y="4439600"/>
                  <a:pt x="0" y="4401902"/>
                  <a:pt x="0" y="4355414"/>
                </a:cubicBezTo>
                <a:lnTo>
                  <a:pt x="0" y="84185"/>
                </a:lnTo>
                <a:cubicBezTo>
                  <a:pt x="0" y="37697"/>
                  <a:pt x="37696" y="0"/>
                  <a:pt x="84182" y="0"/>
                </a:cubicBezTo>
                <a:close/>
              </a:path>
            </a:pathLst>
          </a:custGeom>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24" name="Plassholder for bilde 23">
            <a:extLst>
              <a:ext uri="{FF2B5EF4-FFF2-40B4-BE49-F238E27FC236}">
                <a16:creationId xmlns:a16="http://schemas.microsoft.com/office/drawing/2014/main" id="{DA7E8504-8CD8-E295-3DAF-D9746038B5E5}"/>
              </a:ext>
            </a:extLst>
          </p:cNvPr>
          <p:cNvSpPr>
            <a:spLocks noGrp="1"/>
          </p:cNvSpPr>
          <p:nvPr>
            <p:ph type="pic" sz="quarter" idx="14" hasCustomPrompt="1"/>
          </p:nvPr>
        </p:nvSpPr>
        <p:spPr>
          <a:xfrm>
            <a:off x="9392592" y="1440000"/>
            <a:ext cx="1961208" cy="4439600"/>
          </a:xfrm>
          <a:custGeom>
            <a:avLst/>
            <a:gdLst>
              <a:gd name="connsiteX0" fmla="*/ 84182 w 1961208"/>
              <a:gd name="connsiteY0" fmla="*/ 0 h 4439600"/>
              <a:gd name="connsiteX1" fmla="*/ 1877026 w 1961208"/>
              <a:gd name="connsiteY1" fmla="*/ 0 h 4439600"/>
              <a:gd name="connsiteX2" fmla="*/ 1961208 w 1961208"/>
              <a:gd name="connsiteY2" fmla="*/ 84185 h 4439600"/>
              <a:gd name="connsiteX3" fmla="*/ 1961208 w 1961208"/>
              <a:gd name="connsiteY3" fmla="*/ 3762515 h 4439600"/>
              <a:gd name="connsiteX4" fmla="*/ 1949210 w 1961208"/>
              <a:gd name="connsiteY4" fmla="*/ 3805835 h 4439600"/>
              <a:gd name="connsiteX5" fmla="*/ 1593496 w 1961208"/>
              <a:gd name="connsiteY5" fmla="*/ 4398734 h 4439600"/>
              <a:gd name="connsiteX6" fmla="*/ 1521312 w 1961208"/>
              <a:gd name="connsiteY6" fmla="*/ 4439600 h 4439600"/>
              <a:gd name="connsiteX7" fmla="*/ 84182 w 1961208"/>
              <a:gd name="connsiteY7" fmla="*/ 4439600 h 4439600"/>
              <a:gd name="connsiteX8" fmla="*/ 0 w 1961208"/>
              <a:gd name="connsiteY8" fmla="*/ 4355414 h 4439600"/>
              <a:gd name="connsiteX9" fmla="*/ 0 w 1961208"/>
              <a:gd name="connsiteY9" fmla="*/ 84185 h 4439600"/>
              <a:gd name="connsiteX10" fmla="*/ 84182 w 1961208"/>
              <a:gd name="connsiteY10" fmla="*/ 0 h 4439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61208" h="4439600">
                <a:moveTo>
                  <a:pt x="84182" y="0"/>
                </a:moveTo>
                <a:lnTo>
                  <a:pt x="1877026" y="0"/>
                </a:lnTo>
                <a:cubicBezTo>
                  <a:pt x="1923512" y="0"/>
                  <a:pt x="1961208" y="37697"/>
                  <a:pt x="1961208" y="84185"/>
                </a:cubicBezTo>
                <a:lnTo>
                  <a:pt x="1961208" y="3762515"/>
                </a:lnTo>
                <a:cubicBezTo>
                  <a:pt x="1961208" y="3777779"/>
                  <a:pt x="1957070" y="3792748"/>
                  <a:pt x="1949210" y="3805835"/>
                </a:cubicBezTo>
                <a:lnTo>
                  <a:pt x="1593496" y="4398734"/>
                </a:lnTo>
                <a:cubicBezTo>
                  <a:pt x="1578291" y="4424077"/>
                  <a:pt x="1550891" y="4439600"/>
                  <a:pt x="1521312" y="4439600"/>
                </a:cubicBezTo>
                <a:lnTo>
                  <a:pt x="84182" y="4439600"/>
                </a:lnTo>
                <a:cubicBezTo>
                  <a:pt x="37696" y="4439600"/>
                  <a:pt x="0" y="4401902"/>
                  <a:pt x="0" y="4355414"/>
                </a:cubicBezTo>
                <a:lnTo>
                  <a:pt x="0" y="84185"/>
                </a:lnTo>
                <a:cubicBezTo>
                  <a:pt x="0" y="37697"/>
                  <a:pt x="37696" y="0"/>
                  <a:pt x="84182" y="0"/>
                </a:cubicBezTo>
                <a:close/>
              </a:path>
            </a:pathLst>
          </a:custGeom>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25" name="Freeform: Shape 15">
            <a:extLst>
              <a:ext uri="{FF2B5EF4-FFF2-40B4-BE49-F238E27FC236}">
                <a16:creationId xmlns:a16="http://schemas.microsoft.com/office/drawing/2014/main" id="{B569C955-1CE2-4B87-601C-6CC97A9E66D8}"/>
              </a:ext>
            </a:extLst>
          </p:cNvPr>
          <p:cNvSpPr/>
          <p:nvPr userDrawn="1"/>
        </p:nvSpPr>
        <p:spPr>
          <a:xfrm>
            <a:off x="6853618" y="5558400"/>
            <a:ext cx="219794" cy="331653"/>
          </a:xfrm>
          <a:custGeom>
            <a:avLst/>
            <a:gdLst>
              <a:gd name="connsiteX0" fmla="*/ 185273 w 209951"/>
              <a:gd name="connsiteY0" fmla="*/ 316802 h 316801"/>
              <a:gd name="connsiteX1" fmla="*/ 24555 w 209951"/>
              <a:gd name="connsiteY1" fmla="*/ 316802 h 316801"/>
              <a:gd name="connsiteX2" fmla="*/ 3610 w 209951"/>
              <a:gd name="connsiteY2" fmla="*/ 279681 h 316801"/>
              <a:gd name="connsiteX3" fmla="*/ 164328 w 209951"/>
              <a:gd name="connsiteY3" fmla="*/ 11955 h 316801"/>
              <a:gd name="connsiteX4" fmla="*/ 209951 w 209951"/>
              <a:gd name="connsiteY4" fmla="*/ 24605 h 316801"/>
              <a:gd name="connsiteX5" fmla="*/ 209951 w 209951"/>
              <a:gd name="connsiteY5" fmla="*/ 292331 h 316801"/>
              <a:gd name="connsiteX6" fmla="*/ 185481 w 209951"/>
              <a:gd name="connsiteY6" fmla="*/ 316802 h 316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9951" h="316801">
                <a:moveTo>
                  <a:pt x="185273" y="316802"/>
                </a:moveTo>
                <a:lnTo>
                  <a:pt x="24555" y="316802"/>
                </a:lnTo>
                <a:cubicBezTo>
                  <a:pt x="5476" y="316802"/>
                  <a:pt x="-6344" y="296064"/>
                  <a:pt x="3610" y="279681"/>
                </a:cubicBezTo>
                <a:lnTo>
                  <a:pt x="164328" y="11955"/>
                </a:lnTo>
                <a:cubicBezTo>
                  <a:pt x="177186" y="-9405"/>
                  <a:pt x="209951" y="-280"/>
                  <a:pt x="209951" y="24605"/>
                </a:cubicBezTo>
                <a:lnTo>
                  <a:pt x="209951" y="292331"/>
                </a:lnTo>
                <a:cubicBezTo>
                  <a:pt x="209951" y="305811"/>
                  <a:pt x="198960" y="316802"/>
                  <a:pt x="185481" y="316802"/>
                </a:cubicBezTo>
              </a:path>
            </a:pathLst>
          </a:custGeom>
          <a:solidFill>
            <a:srgbClr val="F48622"/>
          </a:solidFill>
          <a:ln w="0" cap="flat">
            <a:noFill/>
            <a:prstDash val="solid"/>
            <a:miter/>
          </a:ln>
        </p:spPr>
        <p:txBody>
          <a:bodyPr rtlCol="0" anchor="ctr"/>
          <a:lstStyle/>
          <a:p>
            <a:endParaRPr lang="nb-NO"/>
          </a:p>
        </p:txBody>
      </p:sp>
      <p:sp>
        <p:nvSpPr>
          <p:cNvPr id="26" name="Freeform: Shape 15">
            <a:extLst>
              <a:ext uri="{FF2B5EF4-FFF2-40B4-BE49-F238E27FC236}">
                <a16:creationId xmlns:a16="http://schemas.microsoft.com/office/drawing/2014/main" id="{B54E544F-43D2-C5B5-BEAA-648D5E40B6A2}"/>
              </a:ext>
            </a:extLst>
          </p:cNvPr>
          <p:cNvSpPr/>
          <p:nvPr userDrawn="1"/>
        </p:nvSpPr>
        <p:spPr>
          <a:xfrm>
            <a:off x="8994288" y="5558400"/>
            <a:ext cx="219794" cy="331653"/>
          </a:xfrm>
          <a:custGeom>
            <a:avLst/>
            <a:gdLst>
              <a:gd name="connsiteX0" fmla="*/ 185273 w 209951"/>
              <a:gd name="connsiteY0" fmla="*/ 316802 h 316801"/>
              <a:gd name="connsiteX1" fmla="*/ 24555 w 209951"/>
              <a:gd name="connsiteY1" fmla="*/ 316802 h 316801"/>
              <a:gd name="connsiteX2" fmla="*/ 3610 w 209951"/>
              <a:gd name="connsiteY2" fmla="*/ 279681 h 316801"/>
              <a:gd name="connsiteX3" fmla="*/ 164328 w 209951"/>
              <a:gd name="connsiteY3" fmla="*/ 11955 h 316801"/>
              <a:gd name="connsiteX4" fmla="*/ 209951 w 209951"/>
              <a:gd name="connsiteY4" fmla="*/ 24605 h 316801"/>
              <a:gd name="connsiteX5" fmla="*/ 209951 w 209951"/>
              <a:gd name="connsiteY5" fmla="*/ 292331 h 316801"/>
              <a:gd name="connsiteX6" fmla="*/ 185481 w 209951"/>
              <a:gd name="connsiteY6" fmla="*/ 316802 h 316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9951" h="316801">
                <a:moveTo>
                  <a:pt x="185273" y="316802"/>
                </a:moveTo>
                <a:lnTo>
                  <a:pt x="24555" y="316802"/>
                </a:lnTo>
                <a:cubicBezTo>
                  <a:pt x="5476" y="316802"/>
                  <a:pt x="-6344" y="296064"/>
                  <a:pt x="3610" y="279681"/>
                </a:cubicBezTo>
                <a:lnTo>
                  <a:pt x="164328" y="11955"/>
                </a:lnTo>
                <a:cubicBezTo>
                  <a:pt x="177186" y="-9405"/>
                  <a:pt x="209951" y="-280"/>
                  <a:pt x="209951" y="24605"/>
                </a:cubicBezTo>
                <a:lnTo>
                  <a:pt x="209951" y="292331"/>
                </a:lnTo>
                <a:cubicBezTo>
                  <a:pt x="209951" y="305811"/>
                  <a:pt x="198960" y="316802"/>
                  <a:pt x="185481" y="316802"/>
                </a:cubicBezTo>
              </a:path>
            </a:pathLst>
          </a:custGeom>
          <a:solidFill>
            <a:srgbClr val="F48622"/>
          </a:solidFill>
          <a:ln w="0" cap="flat">
            <a:noFill/>
            <a:prstDash val="solid"/>
            <a:miter/>
          </a:ln>
        </p:spPr>
        <p:txBody>
          <a:bodyPr rtlCol="0" anchor="ctr"/>
          <a:lstStyle/>
          <a:p>
            <a:endParaRPr lang="nb-NO"/>
          </a:p>
        </p:txBody>
      </p:sp>
      <p:sp>
        <p:nvSpPr>
          <p:cNvPr id="27" name="Freeform: Shape 15">
            <a:extLst>
              <a:ext uri="{FF2B5EF4-FFF2-40B4-BE49-F238E27FC236}">
                <a16:creationId xmlns:a16="http://schemas.microsoft.com/office/drawing/2014/main" id="{3B25256A-12FE-3FAB-BD76-10FC06EF9F7D}"/>
              </a:ext>
            </a:extLst>
          </p:cNvPr>
          <p:cNvSpPr/>
          <p:nvPr userDrawn="1"/>
        </p:nvSpPr>
        <p:spPr>
          <a:xfrm>
            <a:off x="11134007" y="5558400"/>
            <a:ext cx="219794" cy="331653"/>
          </a:xfrm>
          <a:custGeom>
            <a:avLst/>
            <a:gdLst>
              <a:gd name="connsiteX0" fmla="*/ 185273 w 209951"/>
              <a:gd name="connsiteY0" fmla="*/ 316802 h 316801"/>
              <a:gd name="connsiteX1" fmla="*/ 24555 w 209951"/>
              <a:gd name="connsiteY1" fmla="*/ 316802 h 316801"/>
              <a:gd name="connsiteX2" fmla="*/ 3610 w 209951"/>
              <a:gd name="connsiteY2" fmla="*/ 279681 h 316801"/>
              <a:gd name="connsiteX3" fmla="*/ 164328 w 209951"/>
              <a:gd name="connsiteY3" fmla="*/ 11955 h 316801"/>
              <a:gd name="connsiteX4" fmla="*/ 209951 w 209951"/>
              <a:gd name="connsiteY4" fmla="*/ 24605 h 316801"/>
              <a:gd name="connsiteX5" fmla="*/ 209951 w 209951"/>
              <a:gd name="connsiteY5" fmla="*/ 292331 h 316801"/>
              <a:gd name="connsiteX6" fmla="*/ 185481 w 209951"/>
              <a:gd name="connsiteY6" fmla="*/ 316802 h 316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9951" h="316801">
                <a:moveTo>
                  <a:pt x="185273" y="316802"/>
                </a:moveTo>
                <a:lnTo>
                  <a:pt x="24555" y="316802"/>
                </a:lnTo>
                <a:cubicBezTo>
                  <a:pt x="5476" y="316802"/>
                  <a:pt x="-6344" y="296064"/>
                  <a:pt x="3610" y="279681"/>
                </a:cubicBezTo>
                <a:lnTo>
                  <a:pt x="164328" y="11955"/>
                </a:lnTo>
                <a:cubicBezTo>
                  <a:pt x="177186" y="-9405"/>
                  <a:pt x="209951" y="-280"/>
                  <a:pt x="209951" y="24605"/>
                </a:cubicBezTo>
                <a:lnTo>
                  <a:pt x="209951" y="292331"/>
                </a:lnTo>
                <a:cubicBezTo>
                  <a:pt x="209951" y="305811"/>
                  <a:pt x="198960" y="316802"/>
                  <a:pt x="185481" y="316802"/>
                </a:cubicBezTo>
              </a:path>
            </a:pathLst>
          </a:custGeom>
          <a:solidFill>
            <a:srgbClr val="F48622"/>
          </a:solidFill>
          <a:ln w="0" cap="flat">
            <a:noFill/>
            <a:prstDash val="solid"/>
            <a:miter/>
          </a:ln>
        </p:spPr>
        <p:txBody>
          <a:bodyPr rtlCol="0" anchor="ctr"/>
          <a:lstStyle/>
          <a:p>
            <a:endParaRPr lang="nb-NO"/>
          </a:p>
        </p:txBody>
      </p:sp>
    </p:spTree>
    <p:extLst>
      <p:ext uri="{BB962C8B-B14F-4D97-AF65-F5344CB8AC3E}">
        <p14:creationId xmlns:p14="http://schemas.microsoft.com/office/powerpoint/2010/main" val="258115896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6 Bilder (v1)">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2" name="Bilde 1">
            <a:extLst>
              <a:ext uri="{FF2B5EF4-FFF2-40B4-BE49-F238E27FC236}">
                <a16:creationId xmlns:a16="http://schemas.microsoft.com/office/drawing/2014/main" id="{4048E809-A4B9-794D-10F7-F37BAEF9676C}"/>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43" name="Plassholder for tekst 2">
            <a:extLst>
              <a:ext uri="{FF2B5EF4-FFF2-40B4-BE49-F238E27FC236}">
                <a16:creationId xmlns:a16="http://schemas.microsoft.com/office/drawing/2014/main" id="{0216C865-47C2-00B0-9534-6A86022920E1}"/>
              </a:ext>
            </a:extLst>
          </p:cNvPr>
          <p:cNvSpPr>
            <a:spLocks noGrp="1"/>
          </p:cNvSpPr>
          <p:nvPr>
            <p:ph type="body" idx="19" hasCustomPrompt="1"/>
          </p:nvPr>
        </p:nvSpPr>
        <p:spPr>
          <a:xfrm>
            <a:off x="831478" y="2088000"/>
            <a:ext cx="1580400"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49" name="Plassholder for bilde 8">
            <a:extLst>
              <a:ext uri="{FF2B5EF4-FFF2-40B4-BE49-F238E27FC236}">
                <a16:creationId xmlns:a16="http://schemas.microsoft.com/office/drawing/2014/main" id="{02A85793-9D56-F3A1-1596-5630F094879C}"/>
              </a:ext>
            </a:extLst>
          </p:cNvPr>
          <p:cNvSpPr>
            <a:spLocks noGrp="1"/>
          </p:cNvSpPr>
          <p:nvPr>
            <p:ph type="pic" sz="quarter" idx="38" hasCustomPrompt="1"/>
          </p:nvPr>
        </p:nvSpPr>
        <p:spPr>
          <a:xfrm>
            <a:off x="831478" y="2916000"/>
            <a:ext cx="1580400" cy="2105244"/>
          </a:xfrm>
          <a:prstGeom prst="roundRect">
            <a:avLst>
              <a:gd name="adj" fmla="val 4964"/>
            </a:avLst>
          </a:prstGeom>
        </p:spPr>
        <p:txBody>
          <a:bodyPr>
            <a:normAutofit/>
          </a:bodyPr>
          <a:lstStyle>
            <a:lvl1pPr marL="0" indent="0" algn="ctr">
              <a:buNone/>
              <a:defRPr sz="1400">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0" name="Plassholder for bilde 8">
            <a:extLst>
              <a:ext uri="{FF2B5EF4-FFF2-40B4-BE49-F238E27FC236}">
                <a16:creationId xmlns:a16="http://schemas.microsoft.com/office/drawing/2014/main" id="{3AEC5AE1-6BE8-9476-337F-52D4A743EF56}"/>
              </a:ext>
            </a:extLst>
          </p:cNvPr>
          <p:cNvSpPr>
            <a:spLocks noGrp="1"/>
          </p:cNvSpPr>
          <p:nvPr>
            <p:ph type="pic" sz="quarter" idx="39" hasCustomPrompt="1"/>
          </p:nvPr>
        </p:nvSpPr>
        <p:spPr>
          <a:xfrm>
            <a:off x="2622552" y="2916000"/>
            <a:ext cx="1580400" cy="2105244"/>
          </a:xfrm>
          <a:prstGeom prst="roundRect">
            <a:avLst>
              <a:gd name="adj" fmla="val 4964"/>
            </a:avLst>
          </a:prstGeom>
        </p:spPr>
        <p:txBody>
          <a:bodyPr>
            <a:normAutofit/>
          </a:bodyPr>
          <a:lstStyle>
            <a:lvl1pPr marL="0" indent="0" algn="ctr">
              <a:buNone/>
              <a:defRPr sz="1400">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1" name="Plassholder for bilde 8">
            <a:extLst>
              <a:ext uri="{FF2B5EF4-FFF2-40B4-BE49-F238E27FC236}">
                <a16:creationId xmlns:a16="http://schemas.microsoft.com/office/drawing/2014/main" id="{AC6C25BE-265B-C6D8-69A6-49442D03AB80}"/>
              </a:ext>
            </a:extLst>
          </p:cNvPr>
          <p:cNvSpPr>
            <a:spLocks noGrp="1"/>
          </p:cNvSpPr>
          <p:nvPr>
            <p:ph type="pic" sz="quarter" idx="40" hasCustomPrompt="1"/>
          </p:nvPr>
        </p:nvSpPr>
        <p:spPr>
          <a:xfrm>
            <a:off x="4413626" y="2916000"/>
            <a:ext cx="1580400" cy="2105244"/>
          </a:xfrm>
          <a:prstGeom prst="roundRect">
            <a:avLst>
              <a:gd name="adj" fmla="val 4964"/>
            </a:avLst>
          </a:prstGeom>
        </p:spPr>
        <p:txBody>
          <a:bodyPr>
            <a:normAutofit/>
          </a:bodyPr>
          <a:lstStyle>
            <a:lvl1pPr marL="0" indent="0" algn="ctr">
              <a:buNone/>
              <a:defRPr sz="1400">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2" name="Plassholder for bilde 8">
            <a:extLst>
              <a:ext uri="{FF2B5EF4-FFF2-40B4-BE49-F238E27FC236}">
                <a16:creationId xmlns:a16="http://schemas.microsoft.com/office/drawing/2014/main" id="{8E1508F4-ACCB-FBE9-3EAD-970AAB67D863}"/>
              </a:ext>
            </a:extLst>
          </p:cNvPr>
          <p:cNvSpPr>
            <a:spLocks noGrp="1"/>
          </p:cNvSpPr>
          <p:nvPr>
            <p:ph type="pic" sz="quarter" idx="41" hasCustomPrompt="1"/>
          </p:nvPr>
        </p:nvSpPr>
        <p:spPr>
          <a:xfrm>
            <a:off x="6204700" y="2916000"/>
            <a:ext cx="1580400" cy="2105244"/>
          </a:xfrm>
          <a:prstGeom prst="roundRect">
            <a:avLst>
              <a:gd name="adj" fmla="val 4964"/>
            </a:avLst>
          </a:prstGeom>
        </p:spPr>
        <p:txBody>
          <a:bodyPr>
            <a:normAutofit/>
          </a:bodyPr>
          <a:lstStyle>
            <a:lvl1pPr marL="0" indent="0" algn="ctr">
              <a:buNone/>
              <a:defRPr sz="1400">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3" name="Plassholder for bilde 8">
            <a:extLst>
              <a:ext uri="{FF2B5EF4-FFF2-40B4-BE49-F238E27FC236}">
                <a16:creationId xmlns:a16="http://schemas.microsoft.com/office/drawing/2014/main" id="{C926433D-6769-3E06-C662-72FAF7DD71B5}"/>
              </a:ext>
            </a:extLst>
          </p:cNvPr>
          <p:cNvSpPr>
            <a:spLocks noGrp="1"/>
          </p:cNvSpPr>
          <p:nvPr>
            <p:ph type="pic" sz="quarter" idx="42" hasCustomPrompt="1"/>
          </p:nvPr>
        </p:nvSpPr>
        <p:spPr>
          <a:xfrm>
            <a:off x="7995774" y="2916000"/>
            <a:ext cx="1580400" cy="2105244"/>
          </a:xfrm>
          <a:prstGeom prst="roundRect">
            <a:avLst>
              <a:gd name="adj" fmla="val 4964"/>
            </a:avLst>
          </a:prstGeom>
        </p:spPr>
        <p:txBody>
          <a:bodyPr>
            <a:normAutofit/>
          </a:bodyPr>
          <a:lstStyle>
            <a:lvl1pPr marL="0" indent="0" algn="ctr">
              <a:buNone/>
              <a:defRPr sz="1400">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5" name="Plassholder for bilde 8">
            <a:extLst>
              <a:ext uri="{FF2B5EF4-FFF2-40B4-BE49-F238E27FC236}">
                <a16:creationId xmlns:a16="http://schemas.microsoft.com/office/drawing/2014/main" id="{8AAE4EEE-9F8F-96A5-7631-B39CD25ED582}"/>
              </a:ext>
            </a:extLst>
          </p:cNvPr>
          <p:cNvSpPr>
            <a:spLocks noGrp="1"/>
          </p:cNvSpPr>
          <p:nvPr>
            <p:ph type="pic" sz="quarter" idx="43" hasCustomPrompt="1"/>
          </p:nvPr>
        </p:nvSpPr>
        <p:spPr>
          <a:xfrm>
            <a:off x="9786846" y="2916000"/>
            <a:ext cx="1580400" cy="2105244"/>
          </a:xfrm>
          <a:prstGeom prst="roundRect">
            <a:avLst>
              <a:gd name="adj" fmla="val 4964"/>
            </a:avLst>
          </a:prstGeom>
        </p:spPr>
        <p:txBody>
          <a:bodyPr>
            <a:normAutofit/>
          </a:bodyPr>
          <a:lstStyle>
            <a:lvl1pPr marL="0" indent="0" algn="ctr">
              <a:buNone/>
              <a:defRPr sz="1400">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6" name="Plassholder for tekst 2">
            <a:extLst>
              <a:ext uri="{FF2B5EF4-FFF2-40B4-BE49-F238E27FC236}">
                <a16:creationId xmlns:a16="http://schemas.microsoft.com/office/drawing/2014/main" id="{7863BA22-A604-E876-91EA-8E474376DF21}"/>
              </a:ext>
            </a:extLst>
          </p:cNvPr>
          <p:cNvSpPr>
            <a:spLocks noGrp="1"/>
          </p:cNvSpPr>
          <p:nvPr>
            <p:ph type="body" idx="44" hasCustomPrompt="1"/>
          </p:nvPr>
        </p:nvSpPr>
        <p:spPr>
          <a:xfrm>
            <a:off x="2622552" y="2088000"/>
            <a:ext cx="1580400"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7" name="Plassholder for tekst 2">
            <a:extLst>
              <a:ext uri="{FF2B5EF4-FFF2-40B4-BE49-F238E27FC236}">
                <a16:creationId xmlns:a16="http://schemas.microsoft.com/office/drawing/2014/main" id="{110F2602-FCA5-21AA-FE23-026DDB9B7142}"/>
              </a:ext>
            </a:extLst>
          </p:cNvPr>
          <p:cNvSpPr>
            <a:spLocks noGrp="1"/>
          </p:cNvSpPr>
          <p:nvPr>
            <p:ph type="body" idx="45" hasCustomPrompt="1"/>
          </p:nvPr>
        </p:nvSpPr>
        <p:spPr>
          <a:xfrm>
            <a:off x="4413626" y="2088000"/>
            <a:ext cx="1580400"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8" name="Plassholder for tekst 2">
            <a:extLst>
              <a:ext uri="{FF2B5EF4-FFF2-40B4-BE49-F238E27FC236}">
                <a16:creationId xmlns:a16="http://schemas.microsoft.com/office/drawing/2014/main" id="{083788E0-3FE7-F2BB-0796-EC8797C05B66}"/>
              </a:ext>
            </a:extLst>
          </p:cNvPr>
          <p:cNvSpPr>
            <a:spLocks noGrp="1"/>
          </p:cNvSpPr>
          <p:nvPr>
            <p:ph type="body" idx="46" hasCustomPrompt="1"/>
          </p:nvPr>
        </p:nvSpPr>
        <p:spPr>
          <a:xfrm>
            <a:off x="6204700" y="2088000"/>
            <a:ext cx="1580400"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9" name="Plassholder for tekst 2">
            <a:extLst>
              <a:ext uri="{FF2B5EF4-FFF2-40B4-BE49-F238E27FC236}">
                <a16:creationId xmlns:a16="http://schemas.microsoft.com/office/drawing/2014/main" id="{F518D76E-9C8C-7FC3-2374-E9BB932AC7BC}"/>
              </a:ext>
            </a:extLst>
          </p:cNvPr>
          <p:cNvSpPr>
            <a:spLocks noGrp="1"/>
          </p:cNvSpPr>
          <p:nvPr>
            <p:ph type="body" idx="47" hasCustomPrompt="1"/>
          </p:nvPr>
        </p:nvSpPr>
        <p:spPr>
          <a:xfrm>
            <a:off x="7995774" y="2088000"/>
            <a:ext cx="1580400"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60" name="Plassholder for tekst 2">
            <a:extLst>
              <a:ext uri="{FF2B5EF4-FFF2-40B4-BE49-F238E27FC236}">
                <a16:creationId xmlns:a16="http://schemas.microsoft.com/office/drawing/2014/main" id="{F95D8F59-61D6-70B5-4880-67640AD2A7AC}"/>
              </a:ext>
            </a:extLst>
          </p:cNvPr>
          <p:cNvSpPr>
            <a:spLocks noGrp="1"/>
          </p:cNvSpPr>
          <p:nvPr>
            <p:ph type="body" idx="48" hasCustomPrompt="1"/>
          </p:nvPr>
        </p:nvSpPr>
        <p:spPr>
          <a:xfrm>
            <a:off x="9786846" y="2088000"/>
            <a:ext cx="1580400"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65" name="Tittel 1">
            <a:extLst>
              <a:ext uri="{FF2B5EF4-FFF2-40B4-BE49-F238E27FC236}">
                <a16:creationId xmlns:a16="http://schemas.microsoft.com/office/drawing/2014/main" id="{7E4CF2B4-797D-A6C4-4847-226681D144F4}"/>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3516067650"/>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6 Bilder (v2)">
    <p:spTree>
      <p:nvGrpSpPr>
        <p:cNvPr id="1" name=""/>
        <p:cNvGrpSpPr/>
        <p:nvPr/>
      </p:nvGrpSpPr>
      <p:grpSpPr>
        <a:xfrm>
          <a:off x="0" y="0"/>
          <a:ext cx="0" cy="0"/>
          <a:chOff x="0" y="0"/>
          <a:chExt cx="0" cy="0"/>
        </a:xfrm>
      </p:grpSpPr>
      <p:sp>
        <p:nvSpPr>
          <p:cNvPr id="3" name="Plassholder for tekst 2">
            <a:extLst>
              <a:ext uri="{FF2B5EF4-FFF2-40B4-BE49-F238E27FC236}">
                <a16:creationId xmlns:a16="http://schemas.microsoft.com/office/drawing/2014/main" id="{86E2B3C6-9D86-9A92-BE07-9365AEC0262F}"/>
              </a:ext>
            </a:extLst>
          </p:cNvPr>
          <p:cNvSpPr>
            <a:spLocks noGrp="1"/>
          </p:cNvSpPr>
          <p:nvPr>
            <p:ph type="body" idx="1" hasCustomPrompt="1"/>
          </p:nvPr>
        </p:nvSpPr>
        <p:spPr>
          <a:xfrm>
            <a:off x="839789" y="1440000"/>
            <a:ext cx="3014582"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CB5DEFFC-D7C4-6B35-6CEB-9E471EACDB7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5" name="Plassholder for bilde 7">
            <a:extLst>
              <a:ext uri="{FF2B5EF4-FFF2-40B4-BE49-F238E27FC236}">
                <a16:creationId xmlns:a16="http://schemas.microsoft.com/office/drawing/2014/main" id="{F9D0DD48-D3B5-E6B7-A0AD-3711AFFC6E20}"/>
              </a:ext>
            </a:extLst>
          </p:cNvPr>
          <p:cNvSpPr>
            <a:spLocks noGrp="1"/>
          </p:cNvSpPr>
          <p:nvPr>
            <p:ph type="pic" sz="quarter" idx="18" hasCustomPrompt="1"/>
          </p:nvPr>
        </p:nvSpPr>
        <p:spPr>
          <a:xfrm>
            <a:off x="838200"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7" name="Plassholder for tekst 2">
            <a:extLst>
              <a:ext uri="{FF2B5EF4-FFF2-40B4-BE49-F238E27FC236}">
                <a16:creationId xmlns:a16="http://schemas.microsoft.com/office/drawing/2014/main" id="{579B4212-6066-1936-99A9-F11830993D55}"/>
              </a:ext>
            </a:extLst>
          </p:cNvPr>
          <p:cNvSpPr>
            <a:spLocks noGrp="1"/>
          </p:cNvSpPr>
          <p:nvPr>
            <p:ph type="body" idx="19" hasCustomPrompt="1"/>
          </p:nvPr>
        </p:nvSpPr>
        <p:spPr>
          <a:xfrm>
            <a:off x="4584795" y="1440000"/>
            <a:ext cx="3014582"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9" name="Plassholder for bilde 7">
            <a:extLst>
              <a:ext uri="{FF2B5EF4-FFF2-40B4-BE49-F238E27FC236}">
                <a16:creationId xmlns:a16="http://schemas.microsoft.com/office/drawing/2014/main" id="{9FF8982C-B885-8393-46D0-D8BEC14E2DEF}"/>
              </a:ext>
            </a:extLst>
          </p:cNvPr>
          <p:cNvSpPr>
            <a:spLocks noGrp="1"/>
          </p:cNvSpPr>
          <p:nvPr>
            <p:ph type="pic" sz="quarter" idx="20" hasCustomPrompt="1"/>
          </p:nvPr>
        </p:nvSpPr>
        <p:spPr>
          <a:xfrm>
            <a:off x="4583206"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15" name="Plassholder for tekst 2">
            <a:extLst>
              <a:ext uri="{FF2B5EF4-FFF2-40B4-BE49-F238E27FC236}">
                <a16:creationId xmlns:a16="http://schemas.microsoft.com/office/drawing/2014/main" id="{3DAF464D-5150-2CD2-B287-E5DE65E0CEB1}"/>
              </a:ext>
            </a:extLst>
          </p:cNvPr>
          <p:cNvSpPr>
            <a:spLocks noGrp="1"/>
          </p:cNvSpPr>
          <p:nvPr>
            <p:ph type="body" idx="21" hasCustomPrompt="1"/>
          </p:nvPr>
        </p:nvSpPr>
        <p:spPr>
          <a:xfrm>
            <a:off x="8336524" y="1440000"/>
            <a:ext cx="3014582"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6" name="Plassholder for bilde 7">
            <a:extLst>
              <a:ext uri="{FF2B5EF4-FFF2-40B4-BE49-F238E27FC236}">
                <a16:creationId xmlns:a16="http://schemas.microsoft.com/office/drawing/2014/main" id="{C4CB5FB2-868E-866B-B7FA-1A4A8EBBDBFC}"/>
              </a:ext>
            </a:extLst>
          </p:cNvPr>
          <p:cNvSpPr>
            <a:spLocks noGrp="1"/>
          </p:cNvSpPr>
          <p:nvPr>
            <p:ph type="pic" sz="quarter" idx="22" hasCustomPrompt="1"/>
          </p:nvPr>
        </p:nvSpPr>
        <p:spPr>
          <a:xfrm>
            <a:off x="8334935"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21" name="Tittel 1">
            <a:extLst>
              <a:ext uri="{FF2B5EF4-FFF2-40B4-BE49-F238E27FC236}">
                <a16:creationId xmlns:a16="http://schemas.microsoft.com/office/drawing/2014/main" id="{0321C738-ECD7-CCB3-D765-A186C5369493}"/>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
        <p:nvSpPr>
          <p:cNvPr id="13" name="Plassholder for tekst 2">
            <a:extLst>
              <a:ext uri="{FF2B5EF4-FFF2-40B4-BE49-F238E27FC236}">
                <a16:creationId xmlns:a16="http://schemas.microsoft.com/office/drawing/2014/main" id="{E357181C-3944-182F-334F-B3748AE335AE}"/>
              </a:ext>
            </a:extLst>
          </p:cNvPr>
          <p:cNvSpPr>
            <a:spLocks noGrp="1"/>
          </p:cNvSpPr>
          <p:nvPr>
            <p:ph type="body" idx="23" hasCustomPrompt="1"/>
          </p:nvPr>
        </p:nvSpPr>
        <p:spPr>
          <a:xfrm>
            <a:off x="847383" y="3838556"/>
            <a:ext cx="3014582"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7" name="Plassholder for bilde 7">
            <a:extLst>
              <a:ext uri="{FF2B5EF4-FFF2-40B4-BE49-F238E27FC236}">
                <a16:creationId xmlns:a16="http://schemas.microsoft.com/office/drawing/2014/main" id="{F000B82B-10B3-4534-A66C-BF9ACBAD7F6C}"/>
              </a:ext>
            </a:extLst>
          </p:cNvPr>
          <p:cNvSpPr>
            <a:spLocks noGrp="1"/>
          </p:cNvSpPr>
          <p:nvPr>
            <p:ph type="pic" sz="quarter" idx="24" hasCustomPrompt="1"/>
          </p:nvPr>
        </p:nvSpPr>
        <p:spPr>
          <a:xfrm>
            <a:off x="845794" y="4450556"/>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18" name="Plassholder for tekst 2">
            <a:extLst>
              <a:ext uri="{FF2B5EF4-FFF2-40B4-BE49-F238E27FC236}">
                <a16:creationId xmlns:a16="http://schemas.microsoft.com/office/drawing/2014/main" id="{9655EA49-F11E-DD9D-6503-1DE6413A690F}"/>
              </a:ext>
            </a:extLst>
          </p:cNvPr>
          <p:cNvSpPr>
            <a:spLocks noGrp="1"/>
          </p:cNvSpPr>
          <p:nvPr>
            <p:ph type="body" idx="25" hasCustomPrompt="1"/>
          </p:nvPr>
        </p:nvSpPr>
        <p:spPr>
          <a:xfrm>
            <a:off x="4592389" y="3838556"/>
            <a:ext cx="3014582"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9" name="Plassholder for bilde 7">
            <a:extLst>
              <a:ext uri="{FF2B5EF4-FFF2-40B4-BE49-F238E27FC236}">
                <a16:creationId xmlns:a16="http://schemas.microsoft.com/office/drawing/2014/main" id="{DC97E4C9-16DA-6949-F1AF-EF19A0AF2787}"/>
              </a:ext>
            </a:extLst>
          </p:cNvPr>
          <p:cNvSpPr>
            <a:spLocks noGrp="1"/>
          </p:cNvSpPr>
          <p:nvPr>
            <p:ph type="pic" sz="quarter" idx="26" hasCustomPrompt="1"/>
          </p:nvPr>
        </p:nvSpPr>
        <p:spPr>
          <a:xfrm>
            <a:off x="4590800" y="4450556"/>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
        <p:nvSpPr>
          <p:cNvPr id="20" name="Plassholder for tekst 2">
            <a:extLst>
              <a:ext uri="{FF2B5EF4-FFF2-40B4-BE49-F238E27FC236}">
                <a16:creationId xmlns:a16="http://schemas.microsoft.com/office/drawing/2014/main" id="{F7774074-FC60-E110-5F70-27A23896EEC9}"/>
              </a:ext>
            </a:extLst>
          </p:cNvPr>
          <p:cNvSpPr>
            <a:spLocks noGrp="1"/>
          </p:cNvSpPr>
          <p:nvPr>
            <p:ph type="body" idx="27" hasCustomPrompt="1"/>
          </p:nvPr>
        </p:nvSpPr>
        <p:spPr>
          <a:xfrm>
            <a:off x="8344118" y="3838556"/>
            <a:ext cx="3014582"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22" name="Plassholder for bilde 7">
            <a:extLst>
              <a:ext uri="{FF2B5EF4-FFF2-40B4-BE49-F238E27FC236}">
                <a16:creationId xmlns:a16="http://schemas.microsoft.com/office/drawing/2014/main" id="{CF5E2BC3-0E12-CE9D-A54E-FA0396D7191C}"/>
              </a:ext>
            </a:extLst>
          </p:cNvPr>
          <p:cNvSpPr>
            <a:spLocks noGrp="1"/>
          </p:cNvSpPr>
          <p:nvPr>
            <p:ph type="pic" sz="quarter" idx="28" hasCustomPrompt="1"/>
          </p:nvPr>
        </p:nvSpPr>
        <p:spPr>
          <a:xfrm>
            <a:off x="8342529" y="4450556"/>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lvl1pPr>
          </a:lstStyle>
          <a:p>
            <a:r>
              <a:rPr lang="nb-NO" dirty="0"/>
              <a:t>Klikk på ikonet for å legge til et bilde</a:t>
            </a:r>
          </a:p>
          <a:p>
            <a:endParaRPr lang="nb-NO" dirty="0"/>
          </a:p>
          <a:p>
            <a:endParaRPr lang="nb-NO" dirty="0"/>
          </a:p>
        </p:txBody>
      </p:sp>
    </p:spTree>
    <p:extLst>
      <p:ext uri="{BB962C8B-B14F-4D97-AF65-F5344CB8AC3E}">
        <p14:creationId xmlns:p14="http://schemas.microsoft.com/office/powerpoint/2010/main" val="297485677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7 Bilder">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2" name="Bilde 1">
            <a:extLst>
              <a:ext uri="{FF2B5EF4-FFF2-40B4-BE49-F238E27FC236}">
                <a16:creationId xmlns:a16="http://schemas.microsoft.com/office/drawing/2014/main" id="{4048E809-A4B9-794D-10F7-F37BAEF9676C}"/>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43" name="Plassholder for tekst 2">
            <a:extLst>
              <a:ext uri="{FF2B5EF4-FFF2-40B4-BE49-F238E27FC236}">
                <a16:creationId xmlns:a16="http://schemas.microsoft.com/office/drawing/2014/main" id="{0216C865-47C2-00B0-9534-6A86022920E1}"/>
              </a:ext>
            </a:extLst>
          </p:cNvPr>
          <p:cNvSpPr>
            <a:spLocks noGrp="1"/>
          </p:cNvSpPr>
          <p:nvPr>
            <p:ph type="body" idx="19" hasCustomPrompt="1"/>
          </p:nvPr>
        </p:nvSpPr>
        <p:spPr>
          <a:xfrm>
            <a:off x="831478" y="1502430"/>
            <a:ext cx="2320955"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49" name="Plassholder for bilde 8">
            <a:extLst>
              <a:ext uri="{FF2B5EF4-FFF2-40B4-BE49-F238E27FC236}">
                <a16:creationId xmlns:a16="http://schemas.microsoft.com/office/drawing/2014/main" id="{02A85793-9D56-F3A1-1596-5630F094879C}"/>
              </a:ext>
            </a:extLst>
          </p:cNvPr>
          <p:cNvSpPr>
            <a:spLocks noGrp="1"/>
          </p:cNvSpPr>
          <p:nvPr>
            <p:ph type="pic" sz="quarter" idx="38"/>
          </p:nvPr>
        </p:nvSpPr>
        <p:spPr>
          <a:xfrm>
            <a:off x="831478" y="2226339"/>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52" name="Plassholder for bilde 8">
            <a:extLst>
              <a:ext uri="{FF2B5EF4-FFF2-40B4-BE49-F238E27FC236}">
                <a16:creationId xmlns:a16="http://schemas.microsoft.com/office/drawing/2014/main" id="{8E1508F4-ACCB-FBE9-3EAD-970AAB67D863}"/>
              </a:ext>
            </a:extLst>
          </p:cNvPr>
          <p:cNvSpPr>
            <a:spLocks noGrp="1"/>
          </p:cNvSpPr>
          <p:nvPr>
            <p:ph type="pic" sz="quarter" idx="41"/>
          </p:nvPr>
        </p:nvSpPr>
        <p:spPr>
          <a:xfrm>
            <a:off x="3569749" y="2226339"/>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55" name="Plassholder for bilde 8">
            <a:extLst>
              <a:ext uri="{FF2B5EF4-FFF2-40B4-BE49-F238E27FC236}">
                <a16:creationId xmlns:a16="http://schemas.microsoft.com/office/drawing/2014/main" id="{8AAE4EEE-9F8F-96A5-7631-B39CD25ED582}"/>
              </a:ext>
            </a:extLst>
          </p:cNvPr>
          <p:cNvSpPr>
            <a:spLocks noGrp="1"/>
          </p:cNvSpPr>
          <p:nvPr>
            <p:ph type="pic" sz="quarter" idx="43"/>
          </p:nvPr>
        </p:nvSpPr>
        <p:spPr>
          <a:xfrm>
            <a:off x="6308020" y="2226339"/>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58" name="Plassholder for tekst 2">
            <a:extLst>
              <a:ext uri="{FF2B5EF4-FFF2-40B4-BE49-F238E27FC236}">
                <a16:creationId xmlns:a16="http://schemas.microsoft.com/office/drawing/2014/main" id="{083788E0-3FE7-F2BB-0796-EC8797C05B66}"/>
              </a:ext>
            </a:extLst>
          </p:cNvPr>
          <p:cNvSpPr>
            <a:spLocks noGrp="1"/>
          </p:cNvSpPr>
          <p:nvPr>
            <p:ph type="body" idx="46" hasCustomPrompt="1"/>
          </p:nvPr>
        </p:nvSpPr>
        <p:spPr>
          <a:xfrm>
            <a:off x="3569749" y="1502430"/>
            <a:ext cx="2320955"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60" name="Plassholder for tekst 2">
            <a:extLst>
              <a:ext uri="{FF2B5EF4-FFF2-40B4-BE49-F238E27FC236}">
                <a16:creationId xmlns:a16="http://schemas.microsoft.com/office/drawing/2014/main" id="{F95D8F59-61D6-70B5-4880-67640AD2A7AC}"/>
              </a:ext>
            </a:extLst>
          </p:cNvPr>
          <p:cNvSpPr>
            <a:spLocks noGrp="1"/>
          </p:cNvSpPr>
          <p:nvPr>
            <p:ph type="body" idx="48" hasCustomPrompt="1"/>
          </p:nvPr>
        </p:nvSpPr>
        <p:spPr>
          <a:xfrm>
            <a:off x="6308020" y="1502430"/>
            <a:ext cx="2320955"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 name="Plassholder for bilde 8">
            <a:extLst>
              <a:ext uri="{FF2B5EF4-FFF2-40B4-BE49-F238E27FC236}">
                <a16:creationId xmlns:a16="http://schemas.microsoft.com/office/drawing/2014/main" id="{AE878338-A930-AD9C-8F64-7659FF69DF26}"/>
              </a:ext>
            </a:extLst>
          </p:cNvPr>
          <p:cNvSpPr>
            <a:spLocks noGrp="1"/>
          </p:cNvSpPr>
          <p:nvPr>
            <p:ph type="pic" sz="quarter" idx="49"/>
          </p:nvPr>
        </p:nvSpPr>
        <p:spPr>
          <a:xfrm>
            <a:off x="9046291" y="2226339"/>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7" name="Plassholder for tekst 2">
            <a:extLst>
              <a:ext uri="{FF2B5EF4-FFF2-40B4-BE49-F238E27FC236}">
                <a16:creationId xmlns:a16="http://schemas.microsoft.com/office/drawing/2014/main" id="{0253B3FF-EF18-2696-A213-A83D77188778}"/>
              </a:ext>
            </a:extLst>
          </p:cNvPr>
          <p:cNvSpPr>
            <a:spLocks noGrp="1"/>
          </p:cNvSpPr>
          <p:nvPr>
            <p:ph type="body" idx="50" hasCustomPrompt="1"/>
          </p:nvPr>
        </p:nvSpPr>
        <p:spPr>
          <a:xfrm>
            <a:off x="9046291" y="1502430"/>
            <a:ext cx="2320955"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3" name="Plassholder for bilde 8">
            <a:extLst>
              <a:ext uri="{FF2B5EF4-FFF2-40B4-BE49-F238E27FC236}">
                <a16:creationId xmlns:a16="http://schemas.microsoft.com/office/drawing/2014/main" id="{97F1F746-ED1D-ECA3-C751-F29B0B485375}"/>
              </a:ext>
            </a:extLst>
          </p:cNvPr>
          <p:cNvSpPr>
            <a:spLocks noGrp="1"/>
          </p:cNvSpPr>
          <p:nvPr>
            <p:ph type="pic" sz="quarter" idx="53"/>
          </p:nvPr>
        </p:nvSpPr>
        <p:spPr>
          <a:xfrm>
            <a:off x="2204873" y="4586298"/>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14" name="Plassholder for bilde 8">
            <a:extLst>
              <a:ext uri="{FF2B5EF4-FFF2-40B4-BE49-F238E27FC236}">
                <a16:creationId xmlns:a16="http://schemas.microsoft.com/office/drawing/2014/main" id="{2F4277C5-FFD4-37D9-1CF3-2454E2F2EF7B}"/>
              </a:ext>
            </a:extLst>
          </p:cNvPr>
          <p:cNvSpPr>
            <a:spLocks noGrp="1"/>
          </p:cNvSpPr>
          <p:nvPr>
            <p:ph type="pic" sz="quarter" idx="54"/>
          </p:nvPr>
        </p:nvSpPr>
        <p:spPr>
          <a:xfrm>
            <a:off x="4943144" y="4586298"/>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15" name="Plassholder for tekst 2">
            <a:extLst>
              <a:ext uri="{FF2B5EF4-FFF2-40B4-BE49-F238E27FC236}">
                <a16:creationId xmlns:a16="http://schemas.microsoft.com/office/drawing/2014/main" id="{E02CF2BA-8B43-251E-FA25-2606AA231EB9}"/>
              </a:ext>
            </a:extLst>
          </p:cNvPr>
          <p:cNvSpPr>
            <a:spLocks noGrp="1"/>
          </p:cNvSpPr>
          <p:nvPr>
            <p:ph type="body" idx="55" hasCustomPrompt="1"/>
          </p:nvPr>
        </p:nvSpPr>
        <p:spPr>
          <a:xfrm>
            <a:off x="2204873" y="3864209"/>
            <a:ext cx="2320955"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6" name="Plassholder for tekst 2">
            <a:extLst>
              <a:ext uri="{FF2B5EF4-FFF2-40B4-BE49-F238E27FC236}">
                <a16:creationId xmlns:a16="http://schemas.microsoft.com/office/drawing/2014/main" id="{9D980F3E-68D9-E050-B6E5-70EE446D01FE}"/>
              </a:ext>
            </a:extLst>
          </p:cNvPr>
          <p:cNvSpPr>
            <a:spLocks noGrp="1"/>
          </p:cNvSpPr>
          <p:nvPr>
            <p:ph type="body" idx="56" hasCustomPrompt="1"/>
          </p:nvPr>
        </p:nvSpPr>
        <p:spPr>
          <a:xfrm>
            <a:off x="4943144" y="3864209"/>
            <a:ext cx="2320955"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7" name="Plassholder for bilde 8">
            <a:extLst>
              <a:ext uri="{FF2B5EF4-FFF2-40B4-BE49-F238E27FC236}">
                <a16:creationId xmlns:a16="http://schemas.microsoft.com/office/drawing/2014/main" id="{566499BD-1118-679D-9C95-1CDC349F9D0E}"/>
              </a:ext>
            </a:extLst>
          </p:cNvPr>
          <p:cNvSpPr>
            <a:spLocks noGrp="1"/>
          </p:cNvSpPr>
          <p:nvPr>
            <p:ph type="pic" sz="quarter" idx="57"/>
          </p:nvPr>
        </p:nvSpPr>
        <p:spPr>
          <a:xfrm>
            <a:off x="7681415" y="4586298"/>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18" name="Plassholder for tekst 2">
            <a:extLst>
              <a:ext uri="{FF2B5EF4-FFF2-40B4-BE49-F238E27FC236}">
                <a16:creationId xmlns:a16="http://schemas.microsoft.com/office/drawing/2014/main" id="{E2C37CDB-FA3D-9CF1-F030-5A5CEA6D6A46}"/>
              </a:ext>
            </a:extLst>
          </p:cNvPr>
          <p:cNvSpPr>
            <a:spLocks noGrp="1"/>
          </p:cNvSpPr>
          <p:nvPr>
            <p:ph type="body" idx="58" hasCustomPrompt="1"/>
          </p:nvPr>
        </p:nvSpPr>
        <p:spPr>
          <a:xfrm>
            <a:off x="7681415" y="3864209"/>
            <a:ext cx="2320955" cy="576000"/>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3" name="Tittel 1">
            <a:extLst>
              <a:ext uri="{FF2B5EF4-FFF2-40B4-BE49-F238E27FC236}">
                <a16:creationId xmlns:a16="http://schemas.microsoft.com/office/drawing/2014/main" id="{BBB7AF09-F2EB-4DBB-CF93-129E42C92E81}"/>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2150773023"/>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8 Bilder">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2" name="Bilde 1">
            <a:extLst>
              <a:ext uri="{FF2B5EF4-FFF2-40B4-BE49-F238E27FC236}">
                <a16:creationId xmlns:a16="http://schemas.microsoft.com/office/drawing/2014/main" id="{4048E809-A4B9-794D-10F7-F37BAEF9676C}"/>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43" name="Plassholder for tekst 2">
            <a:extLst>
              <a:ext uri="{FF2B5EF4-FFF2-40B4-BE49-F238E27FC236}">
                <a16:creationId xmlns:a16="http://schemas.microsoft.com/office/drawing/2014/main" id="{0216C865-47C2-00B0-9534-6A86022920E1}"/>
              </a:ext>
            </a:extLst>
          </p:cNvPr>
          <p:cNvSpPr>
            <a:spLocks noGrp="1"/>
          </p:cNvSpPr>
          <p:nvPr>
            <p:ph type="body" idx="19" hasCustomPrompt="1"/>
          </p:nvPr>
        </p:nvSpPr>
        <p:spPr>
          <a:xfrm>
            <a:off x="831478" y="1501200"/>
            <a:ext cx="2320955"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49" name="Plassholder for bilde 8">
            <a:extLst>
              <a:ext uri="{FF2B5EF4-FFF2-40B4-BE49-F238E27FC236}">
                <a16:creationId xmlns:a16="http://schemas.microsoft.com/office/drawing/2014/main" id="{02A85793-9D56-F3A1-1596-5630F094879C}"/>
              </a:ext>
            </a:extLst>
          </p:cNvPr>
          <p:cNvSpPr>
            <a:spLocks noGrp="1"/>
          </p:cNvSpPr>
          <p:nvPr>
            <p:ph type="pic" sz="quarter" idx="38"/>
          </p:nvPr>
        </p:nvSpPr>
        <p:spPr>
          <a:xfrm>
            <a:off x="831478" y="2226339"/>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dirty="0"/>
              <a:t>Klikk på ikonet for å legge til et bilde</a:t>
            </a:r>
          </a:p>
        </p:txBody>
      </p:sp>
      <p:sp>
        <p:nvSpPr>
          <p:cNvPr id="52" name="Plassholder for bilde 8">
            <a:extLst>
              <a:ext uri="{FF2B5EF4-FFF2-40B4-BE49-F238E27FC236}">
                <a16:creationId xmlns:a16="http://schemas.microsoft.com/office/drawing/2014/main" id="{8E1508F4-ACCB-FBE9-3EAD-970AAB67D863}"/>
              </a:ext>
            </a:extLst>
          </p:cNvPr>
          <p:cNvSpPr>
            <a:spLocks noGrp="1"/>
          </p:cNvSpPr>
          <p:nvPr>
            <p:ph type="pic" sz="quarter" idx="41"/>
          </p:nvPr>
        </p:nvSpPr>
        <p:spPr>
          <a:xfrm>
            <a:off x="3569749" y="2226339"/>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55" name="Plassholder for bilde 8">
            <a:extLst>
              <a:ext uri="{FF2B5EF4-FFF2-40B4-BE49-F238E27FC236}">
                <a16:creationId xmlns:a16="http://schemas.microsoft.com/office/drawing/2014/main" id="{8AAE4EEE-9F8F-96A5-7631-B39CD25ED582}"/>
              </a:ext>
            </a:extLst>
          </p:cNvPr>
          <p:cNvSpPr>
            <a:spLocks noGrp="1"/>
          </p:cNvSpPr>
          <p:nvPr>
            <p:ph type="pic" sz="quarter" idx="43"/>
          </p:nvPr>
        </p:nvSpPr>
        <p:spPr>
          <a:xfrm>
            <a:off x="6308020" y="2226339"/>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58" name="Plassholder for tekst 2">
            <a:extLst>
              <a:ext uri="{FF2B5EF4-FFF2-40B4-BE49-F238E27FC236}">
                <a16:creationId xmlns:a16="http://schemas.microsoft.com/office/drawing/2014/main" id="{083788E0-3FE7-F2BB-0796-EC8797C05B66}"/>
              </a:ext>
            </a:extLst>
          </p:cNvPr>
          <p:cNvSpPr>
            <a:spLocks noGrp="1"/>
          </p:cNvSpPr>
          <p:nvPr>
            <p:ph type="body" idx="46" hasCustomPrompt="1"/>
          </p:nvPr>
        </p:nvSpPr>
        <p:spPr>
          <a:xfrm>
            <a:off x="3569749" y="1501200"/>
            <a:ext cx="2320955"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60" name="Plassholder for tekst 2">
            <a:extLst>
              <a:ext uri="{FF2B5EF4-FFF2-40B4-BE49-F238E27FC236}">
                <a16:creationId xmlns:a16="http://schemas.microsoft.com/office/drawing/2014/main" id="{F95D8F59-61D6-70B5-4880-67640AD2A7AC}"/>
              </a:ext>
            </a:extLst>
          </p:cNvPr>
          <p:cNvSpPr>
            <a:spLocks noGrp="1"/>
          </p:cNvSpPr>
          <p:nvPr>
            <p:ph type="body" idx="48" hasCustomPrompt="1"/>
          </p:nvPr>
        </p:nvSpPr>
        <p:spPr>
          <a:xfrm>
            <a:off x="6308020" y="1501200"/>
            <a:ext cx="2320955"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 name="Plassholder for bilde 8">
            <a:extLst>
              <a:ext uri="{FF2B5EF4-FFF2-40B4-BE49-F238E27FC236}">
                <a16:creationId xmlns:a16="http://schemas.microsoft.com/office/drawing/2014/main" id="{AE878338-A930-AD9C-8F64-7659FF69DF26}"/>
              </a:ext>
            </a:extLst>
          </p:cNvPr>
          <p:cNvSpPr>
            <a:spLocks noGrp="1"/>
          </p:cNvSpPr>
          <p:nvPr>
            <p:ph type="pic" sz="quarter" idx="49"/>
          </p:nvPr>
        </p:nvSpPr>
        <p:spPr>
          <a:xfrm>
            <a:off x="9046291" y="2226339"/>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7" name="Plassholder for tekst 2">
            <a:extLst>
              <a:ext uri="{FF2B5EF4-FFF2-40B4-BE49-F238E27FC236}">
                <a16:creationId xmlns:a16="http://schemas.microsoft.com/office/drawing/2014/main" id="{0253B3FF-EF18-2696-A213-A83D77188778}"/>
              </a:ext>
            </a:extLst>
          </p:cNvPr>
          <p:cNvSpPr>
            <a:spLocks noGrp="1"/>
          </p:cNvSpPr>
          <p:nvPr>
            <p:ph type="body" idx="50" hasCustomPrompt="1"/>
          </p:nvPr>
        </p:nvSpPr>
        <p:spPr>
          <a:xfrm>
            <a:off x="9046291" y="1501200"/>
            <a:ext cx="2320955"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2" name="Plassholder for bilde 8">
            <a:extLst>
              <a:ext uri="{FF2B5EF4-FFF2-40B4-BE49-F238E27FC236}">
                <a16:creationId xmlns:a16="http://schemas.microsoft.com/office/drawing/2014/main" id="{2DD7E2EC-01C3-088C-18A9-A21C6D22D0CC}"/>
              </a:ext>
            </a:extLst>
          </p:cNvPr>
          <p:cNvSpPr>
            <a:spLocks noGrp="1"/>
          </p:cNvSpPr>
          <p:nvPr>
            <p:ph type="pic" sz="quarter" idx="52"/>
          </p:nvPr>
        </p:nvSpPr>
        <p:spPr>
          <a:xfrm>
            <a:off x="831478" y="4586298"/>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13" name="Plassholder for bilde 8">
            <a:extLst>
              <a:ext uri="{FF2B5EF4-FFF2-40B4-BE49-F238E27FC236}">
                <a16:creationId xmlns:a16="http://schemas.microsoft.com/office/drawing/2014/main" id="{97F1F746-ED1D-ECA3-C751-F29B0B485375}"/>
              </a:ext>
            </a:extLst>
          </p:cNvPr>
          <p:cNvSpPr>
            <a:spLocks noGrp="1"/>
          </p:cNvSpPr>
          <p:nvPr>
            <p:ph type="pic" sz="quarter" idx="53"/>
          </p:nvPr>
        </p:nvSpPr>
        <p:spPr>
          <a:xfrm>
            <a:off x="3569749" y="4586298"/>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14" name="Plassholder for bilde 8">
            <a:extLst>
              <a:ext uri="{FF2B5EF4-FFF2-40B4-BE49-F238E27FC236}">
                <a16:creationId xmlns:a16="http://schemas.microsoft.com/office/drawing/2014/main" id="{2F4277C5-FFD4-37D9-1CF3-2454E2F2EF7B}"/>
              </a:ext>
            </a:extLst>
          </p:cNvPr>
          <p:cNvSpPr>
            <a:spLocks noGrp="1"/>
          </p:cNvSpPr>
          <p:nvPr>
            <p:ph type="pic" sz="quarter" idx="54"/>
          </p:nvPr>
        </p:nvSpPr>
        <p:spPr>
          <a:xfrm>
            <a:off x="6308020" y="4586298"/>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17" name="Plassholder for bilde 8">
            <a:extLst>
              <a:ext uri="{FF2B5EF4-FFF2-40B4-BE49-F238E27FC236}">
                <a16:creationId xmlns:a16="http://schemas.microsoft.com/office/drawing/2014/main" id="{566499BD-1118-679D-9C95-1CDC349F9D0E}"/>
              </a:ext>
            </a:extLst>
          </p:cNvPr>
          <p:cNvSpPr>
            <a:spLocks noGrp="1"/>
          </p:cNvSpPr>
          <p:nvPr>
            <p:ph type="pic" sz="quarter" idx="57"/>
          </p:nvPr>
        </p:nvSpPr>
        <p:spPr>
          <a:xfrm>
            <a:off x="9046291" y="4586298"/>
            <a:ext cx="2320955" cy="1465982"/>
          </a:xfrm>
          <a:prstGeom prst="roundRect">
            <a:avLst>
              <a:gd name="adj" fmla="val 4964"/>
            </a:avLst>
          </a:prstGeom>
          <a:noFill/>
        </p:spPr>
        <p:txBody>
          <a:bodyPr>
            <a:normAutofit/>
          </a:bodyPr>
          <a:lstStyle>
            <a:lvl1pPr marL="0" indent="0" algn="ctr">
              <a:buNone/>
              <a:defRPr sz="1600">
                <a:latin typeface="Aptos" panose="020B0004020202020204" pitchFamily="34" charset="0"/>
              </a:defRPr>
            </a:lvl1pPr>
          </a:lstStyle>
          <a:p>
            <a:r>
              <a:rPr lang="nb-NO"/>
              <a:t>Klikk på ikonet for å legge til et bilde</a:t>
            </a:r>
          </a:p>
        </p:txBody>
      </p:sp>
      <p:sp>
        <p:nvSpPr>
          <p:cNvPr id="4" name="Tittel 1">
            <a:extLst>
              <a:ext uri="{FF2B5EF4-FFF2-40B4-BE49-F238E27FC236}">
                <a16:creationId xmlns:a16="http://schemas.microsoft.com/office/drawing/2014/main" id="{59A7167C-BAA1-4A10-1B98-1A00582557C8}"/>
              </a:ext>
            </a:extLst>
          </p:cNvPr>
          <p:cNvSpPr>
            <a:spLocks noGrp="1"/>
          </p:cNvSpPr>
          <p:nvPr>
            <p:ph type="title" hasCustomPrompt="1"/>
          </p:nvPr>
        </p:nvSpPr>
        <p:spPr>
          <a:xfrm>
            <a:off x="838200" y="416372"/>
            <a:ext cx="10515600" cy="946766"/>
          </a:xfrm>
        </p:spPr>
        <p:txBody>
          <a:bodyPr anchor="t">
            <a:noAutofit/>
          </a:bodyPr>
          <a:lstStyle>
            <a:lvl1pPr>
              <a:defRPr>
                <a:solidFill>
                  <a:schemeClr val="bg2"/>
                </a:solidFill>
                <a:latin typeface="Aptos" panose="020B0004020202020204" pitchFamily="34" charset="0"/>
              </a:defRPr>
            </a:lvl1pPr>
          </a:lstStyle>
          <a:p>
            <a:r>
              <a:rPr lang="nb-NO" dirty="0"/>
              <a:t>Klikk for å redigere tittel</a:t>
            </a:r>
          </a:p>
        </p:txBody>
      </p:sp>
      <p:sp>
        <p:nvSpPr>
          <p:cNvPr id="3" name="Plassholder for tekst 2">
            <a:extLst>
              <a:ext uri="{FF2B5EF4-FFF2-40B4-BE49-F238E27FC236}">
                <a16:creationId xmlns:a16="http://schemas.microsoft.com/office/drawing/2014/main" id="{576CEBF6-3BE1-5E42-6061-F6926D31797C}"/>
              </a:ext>
            </a:extLst>
          </p:cNvPr>
          <p:cNvSpPr>
            <a:spLocks noGrp="1"/>
          </p:cNvSpPr>
          <p:nvPr>
            <p:ph type="body" idx="58" hasCustomPrompt="1"/>
          </p:nvPr>
        </p:nvSpPr>
        <p:spPr>
          <a:xfrm>
            <a:off x="831478" y="3864209"/>
            <a:ext cx="2320955"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8" name="Plassholder for tekst 2">
            <a:extLst>
              <a:ext uri="{FF2B5EF4-FFF2-40B4-BE49-F238E27FC236}">
                <a16:creationId xmlns:a16="http://schemas.microsoft.com/office/drawing/2014/main" id="{0FFD279D-1973-5BD8-6E81-9CB6D66CDEB9}"/>
              </a:ext>
            </a:extLst>
          </p:cNvPr>
          <p:cNvSpPr>
            <a:spLocks noGrp="1"/>
          </p:cNvSpPr>
          <p:nvPr>
            <p:ph type="body" idx="59" hasCustomPrompt="1"/>
          </p:nvPr>
        </p:nvSpPr>
        <p:spPr>
          <a:xfrm>
            <a:off x="3569749" y="3864209"/>
            <a:ext cx="2320955"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9" name="Plassholder for tekst 2">
            <a:extLst>
              <a:ext uri="{FF2B5EF4-FFF2-40B4-BE49-F238E27FC236}">
                <a16:creationId xmlns:a16="http://schemas.microsoft.com/office/drawing/2014/main" id="{68A3FA0C-01AD-17E2-9321-71045DF2D574}"/>
              </a:ext>
            </a:extLst>
          </p:cNvPr>
          <p:cNvSpPr>
            <a:spLocks noGrp="1"/>
          </p:cNvSpPr>
          <p:nvPr>
            <p:ph type="body" idx="60" hasCustomPrompt="1"/>
          </p:nvPr>
        </p:nvSpPr>
        <p:spPr>
          <a:xfrm>
            <a:off x="6308020" y="3864209"/>
            <a:ext cx="2320955"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9" name="Plassholder for tekst 2">
            <a:extLst>
              <a:ext uri="{FF2B5EF4-FFF2-40B4-BE49-F238E27FC236}">
                <a16:creationId xmlns:a16="http://schemas.microsoft.com/office/drawing/2014/main" id="{708F4737-FA4E-521E-70AA-1214CEAD3C81}"/>
              </a:ext>
            </a:extLst>
          </p:cNvPr>
          <p:cNvSpPr>
            <a:spLocks noGrp="1"/>
          </p:cNvSpPr>
          <p:nvPr>
            <p:ph type="body" idx="61" hasCustomPrompt="1"/>
          </p:nvPr>
        </p:nvSpPr>
        <p:spPr>
          <a:xfrm>
            <a:off x="9046291" y="3864209"/>
            <a:ext cx="2320955" cy="575673"/>
          </a:xfrm>
        </p:spPr>
        <p:txBody>
          <a:bodyPr anchor="b">
            <a:noAutofit/>
          </a:bodyPr>
          <a:lstStyle>
            <a:lvl1pPr marL="0" indent="0" algn="ctr">
              <a:buNone/>
              <a:defRPr sz="1600" b="1">
                <a:solidFill>
                  <a:schemeClr val="bg2"/>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Tree>
    <p:extLst>
      <p:ext uri="{BB962C8B-B14F-4D97-AF65-F5344CB8AC3E}">
        <p14:creationId xmlns:p14="http://schemas.microsoft.com/office/powerpoint/2010/main" val="3212523167"/>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Blank med overskrift">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5F592ED2-40D1-40DD-AF3A-4A21567A3FD4}"/>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9" name="Plassholder for tekst 11">
            <a:extLst>
              <a:ext uri="{FF2B5EF4-FFF2-40B4-BE49-F238E27FC236}">
                <a16:creationId xmlns:a16="http://schemas.microsoft.com/office/drawing/2014/main" id="{2F858608-64D6-331C-085A-0C66685BB95F}"/>
              </a:ext>
            </a:extLst>
          </p:cNvPr>
          <p:cNvSpPr>
            <a:spLocks noGrp="1"/>
          </p:cNvSpPr>
          <p:nvPr>
            <p:ph type="body" sz="quarter" idx="14" hasCustomPrompt="1"/>
          </p:nvPr>
        </p:nvSpPr>
        <p:spPr>
          <a:xfrm>
            <a:off x="838201" y="417600"/>
            <a:ext cx="10530384" cy="946800"/>
          </a:xfrm>
        </p:spPr>
        <p:txBody>
          <a:bodyPr>
            <a:noAutofit/>
          </a:bodyPr>
          <a:lstStyle>
            <a:lvl1pPr marL="0" indent="0">
              <a:spcBef>
                <a:spcPts val="0"/>
              </a:spcBef>
              <a:buNone/>
              <a:defRPr sz="3200" b="1">
                <a:latin typeface="+mj-lt"/>
              </a:defRPr>
            </a:lvl1pPr>
          </a:lstStyle>
          <a:p>
            <a:r>
              <a:rPr lang="nb-NO" dirty="0"/>
              <a:t>Klikk for å redigere tittel</a:t>
            </a:r>
          </a:p>
        </p:txBody>
      </p:sp>
    </p:spTree>
    <p:extLst>
      <p:ext uri="{BB962C8B-B14F-4D97-AF65-F5344CB8AC3E}">
        <p14:creationId xmlns:p14="http://schemas.microsoft.com/office/powerpoint/2010/main" val="2218595809"/>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4" name="Bilde 3">
            <a:extLst>
              <a:ext uri="{FF2B5EF4-FFF2-40B4-BE49-F238E27FC236}">
                <a16:creationId xmlns:a16="http://schemas.microsoft.com/office/drawing/2014/main" id="{F63673BC-C236-E72F-EECA-EF7932B41988}"/>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Tree>
    <p:extLst>
      <p:ext uri="{BB962C8B-B14F-4D97-AF65-F5344CB8AC3E}">
        <p14:creationId xmlns:p14="http://schemas.microsoft.com/office/powerpoint/2010/main" val="4200508607"/>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Referanse forside">
    <p:spTree>
      <p:nvGrpSpPr>
        <p:cNvPr id="1" name=""/>
        <p:cNvGrpSpPr/>
        <p:nvPr/>
      </p:nvGrpSpPr>
      <p:grpSpPr>
        <a:xfrm>
          <a:off x="0" y="0"/>
          <a:ext cx="0" cy="0"/>
          <a:chOff x="0" y="0"/>
          <a:chExt cx="0" cy="0"/>
        </a:xfrm>
      </p:grpSpPr>
      <p:pic>
        <p:nvPicPr>
          <p:cNvPr id="3" name="Bilde 2">
            <a:extLst>
              <a:ext uri="{FF2B5EF4-FFF2-40B4-BE49-F238E27FC236}">
                <a16:creationId xmlns:a16="http://schemas.microsoft.com/office/drawing/2014/main" id="{EA1DF8E2-A065-3600-6EB2-A554FC0AFFEA}"/>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2" name="Tittel 1">
            <a:extLst>
              <a:ext uri="{FF2B5EF4-FFF2-40B4-BE49-F238E27FC236}">
                <a16:creationId xmlns:a16="http://schemas.microsoft.com/office/drawing/2014/main" id="{E2CA3827-621B-C676-47D3-201B124EF455}"/>
              </a:ext>
            </a:extLst>
          </p:cNvPr>
          <p:cNvSpPr>
            <a:spLocks noGrp="1"/>
          </p:cNvSpPr>
          <p:nvPr>
            <p:ph type="title" hasCustomPrompt="1"/>
          </p:nvPr>
        </p:nvSpPr>
        <p:spPr>
          <a:xfrm>
            <a:off x="838199" y="5745270"/>
            <a:ext cx="9585961" cy="911562"/>
          </a:xfrm>
        </p:spPr>
        <p:txBody>
          <a:bodyPr anchor="t">
            <a:noAutofit/>
          </a:bodyPr>
          <a:lstStyle>
            <a:lvl1pPr>
              <a:defRPr>
                <a:solidFill>
                  <a:schemeClr val="bg2"/>
                </a:solidFill>
                <a:latin typeface="Aptos" panose="020B0004020202020204" pitchFamily="34" charset="0"/>
              </a:defRPr>
            </a:lvl1pPr>
          </a:lstStyle>
          <a:p>
            <a:r>
              <a:rPr lang="nb-NO"/>
              <a:t>Klikk for å redigere tittel</a:t>
            </a:r>
          </a:p>
        </p:txBody>
      </p:sp>
      <p:pic>
        <p:nvPicPr>
          <p:cNvPr id="7" name="Bilde 6">
            <a:extLst>
              <a:ext uri="{FF2B5EF4-FFF2-40B4-BE49-F238E27FC236}">
                <a16:creationId xmlns:a16="http://schemas.microsoft.com/office/drawing/2014/main" id="{ABFD2521-1490-D72D-EE7C-8EE5F2D435B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16" name="Plassholder for bilde 15">
            <a:extLst>
              <a:ext uri="{FF2B5EF4-FFF2-40B4-BE49-F238E27FC236}">
                <a16:creationId xmlns:a16="http://schemas.microsoft.com/office/drawing/2014/main" id="{3C56B254-A437-A010-A101-B2076D4632E2}"/>
              </a:ext>
            </a:extLst>
          </p:cNvPr>
          <p:cNvSpPr>
            <a:spLocks noGrp="1"/>
          </p:cNvSpPr>
          <p:nvPr>
            <p:ph type="pic" sz="quarter" idx="10" hasCustomPrompt="1"/>
          </p:nvPr>
        </p:nvSpPr>
        <p:spPr>
          <a:xfrm>
            <a:off x="838199" y="818284"/>
            <a:ext cx="10507114" cy="4540569"/>
          </a:xfrm>
          <a:custGeom>
            <a:avLst/>
            <a:gdLst>
              <a:gd name="connsiteX0" fmla="*/ 1170454 w 10507114"/>
              <a:gd name="connsiteY0" fmla="*/ 0 h 4540569"/>
              <a:gd name="connsiteX1" fmla="*/ 7149362 w 10507114"/>
              <a:gd name="connsiteY1" fmla="*/ 0 h 4540569"/>
              <a:gd name="connsiteX2" fmla="*/ 7373349 w 10507114"/>
              <a:gd name="connsiteY2" fmla="*/ 223851 h 4540569"/>
              <a:gd name="connsiteX3" fmla="*/ 7373349 w 10507114"/>
              <a:gd name="connsiteY3" fmla="*/ 930152 h 4540569"/>
              <a:gd name="connsiteX4" fmla="*/ 7789401 w 10507114"/>
              <a:gd name="connsiteY4" fmla="*/ 1045341 h 4540569"/>
              <a:gd name="connsiteX5" fmla="*/ 8351739 w 10507114"/>
              <a:gd name="connsiteY5" fmla="*/ 108662 h 4540569"/>
              <a:gd name="connsiteX6" fmla="*/ 8543803 w 10507114"/>
              <a:gd name="connsiteY6" fmla="*/ 0 h 4540569"/>
              <a:gd name="connsiteX7" fmla="*/ 10283127 w 10507114"/>
              <a:gd name="connsiteY7" fmla="*/ 0 h 4540569"/>
              <a:gd name="connsiteX8" fmla="*/ 10507114 w 10507114"/>
              <a:gd name="connsiteY8" fmla="*/ 223851 h 4540569"/>
              <a:gd name="connsiteX9" fmla="*/ 10507114 w 10507114"/>
              <a:gd name="connsiteY9" fmla="*/ 2740072 h 4540569"/>
              <a:gd name="connsiteX10" fmla="*/ 10475033 w 10507114"/>
              <a:gd name="connsiteY10" fmla="*/ 2855473 h 4540569"/>
              <a:gd name="connsiteX11" fmla="*/ 9525932 w 10507114"/>
              <a:gd name="connsiteY11" fmla="*/ 4432119 h 4540569"/>
              <a:gd name="connsiteX12" fmla="*/ 9334026 w 10507114"/>
              <a:gd name="connsiteY12" fmla="*/ 4540569 h 4540569"/>
              <a:gd name="connsiteX13" fmla="*/ 223987 w 10507114"/>
              <a:gd name="connsiteY13" fmla="*/ 4540569 h 4540569"/>
              <a:gd name="connsiteX14" fmla="*/ 0 w 10507114"/>
              <a:gd name="connsiteY14" fmla="*/ 4316718 h 4540569"/>
              <a:gd name="connsiteX15" fmla="*/ 0 w 10507114"/>
              <a:gd name="connsiteY15" fmla="*/ 1800392 h 4540569"/>
              <a:gd name="connsiteX16" fmla="*/ 31923 w 10507114"/>
              <a:gd name="connsiteY16" fmla="*/ 1685202 h 4540569"/>
              <a:gd name="connsiteX17" fmla="*/ 978390 w 10507114"/>
              <a:gd name="connsiteY17" fmla="*/ 108662 h 4540569"/>
              <a:gd name="connsiteX18" fmla="*/ 1170454 w 10507114"/>
              <a:gd name="connsiteY18" fmla="*/ 0 h 4540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0507114" h="4540569">
                <a:moveTo>
                  <a:pt x="1170454" y="0"/>
                </a:moveTo>
                <a:lnTo>
                  <a:pt x="7149362" y="0"/>
                </a:lnTo>
                <a:cubicBezTo>
                  <a:pt x="7273050" y="0"/>
                  <a:pt x="7373349" y="100238"/>
                  <a:pt x="7373349" y="223851"/>
                </a:cubicBezTo>
                <a:lnTo>
                  <a:pt x="7373349" y="930152"/>
                </a:lnTo>
                <a:cubicBezTo>
                  <a:pt x="7373349" y="1157214"/>
                  <a:pt x="7672508" y="1240027"/>
                  <a:pt x="7789401" y="1045341"/>
                </a:cubicBezTo>
                <a:lnTo>
                  <a:pt x="8351739" y="108662"/>
                </a:lnTo>
                <a:cubicBezTo>
                  <a:pt x="8392195" y="41275"/>
                  <a:pt x="8465101" y="0"/>
                  <a:pt x="8543803" y="0"/>
                </a:cubicBezTo>
                <a:lnTo>
                  <a:pt x="10283127" y="0"/>
                </a:lnTo>
                <a:cubicBezTo>
                  <a:pt x="10406815" y="0"/>
                  <a:pt x="10507114" y="100238"/>
                  <a:pt x="10507114" y="223851"/>
                </a:cubicBezTo>
                <a:lnTo>
                  <a:pt x="10507114" y="2740072"/>
                </a:lnTo>
                <a:cubicBezTo>
                  <a:pt x="10507114" y="2780715"/>
                  <a:pt x="10495999" y="2820621"/>
                  <a:pt x="10475033" y="2855473"/>
                </a:cubicBezTo>
                <a:lnTo>
                  <a:pt x="9525932" y="4432119"/>
                </a:lnTo>
                <a:cubicBezTo>
                  <a:pt x="9485423" y="4499400"/>
                  <a:pt x="9412622" y="4540569"/>
                  <a:pt x="9334026" y="4540569"/>
                </a:cubicBezTo>
                <a:lnTo>
                  <a:pt x="223987" y="4540569"/>
                </a:lnTo>
                <a:cubicBezTo>
                  <a:pt x="100299" y="4540569"/>
                  <a:pt x="0" y="4440331"/>
                  <a:pt x="0" y="4316718"/>
                </a:cubicBezTo>
                <a:lnTo>
                  <a:pt x="0" y="1800392"/>
                </a:lnTo>
                <a:cubicBezTo>
                  <a:pt x="0" y="1759802"/>
                  <a:pt x="11062" y="1720001"/>
                  <a:pt x="31923" y="1685202"/>
                </a:cubicBezTo>
                <a:lnTo>
                  <a:pt x="978390" y="108662"/>
                </a:lnTo>
                <a:cubicBezTo>
                  <a:pt x="1018847" y="41275"/>
                  <a:pt x="1091753" y="0"/>
                  <a:pt x="1170454" y="0"/>
                </a:cubicBezTo>
                <a:close/>
              </a:path>
            </a:pathLst>
          </a:custGeom>
        </p:spPr>
        <p:txBody>
          <a:bodyPr wrap="square" anchor="ctr">
            <a:noAutofit/>
          </a:bodyPr>
          <a:lstStyle>
            <a:lvl1pPr marL="0" indent="0" algn="ctr">
              <a:buNone/>
              <a:defRPr/>
            </a:lvl1pPr>
          </a:lstStyle>
          <a:p>
            <a:r>
              <a:rPr lang="nb-NO" dirty="0"/>
              <a:t>Klikk på ikonet </a:t>
            </a:r>
            <a:br>
              <a:rPr lang="nb-NO" dirty="0"/>
            </a:br>
            <a:r>
              <a:rPr lang="nb-NO" dirty="0"/>
              <a:t>for å legge til et bilde</a:t>
            </a:r>
          </a:p>
          <a:p>
            <a:endParaRPr lang="nb-NO" dirty="0"/>
          </a:p>
          <a:p>
            <a:endParaRPr lang="nb-NO" dirty="0"/>
          </a:p>
        </p:txBody>
      </p:sp>
    </p:spTree>
    <p:extLst>
      <p:ext uri="{BB962C8B-B14F-4D97-AF65-F5344CB8AC3E}">
        <p14:creationId xmlns:p14="http://schemas.microsoft.com/office/powerpoint/2010/main" val="1209193493"/>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Referanse 1 (NOR)">
    <p:spTree>
      <p:nvGrpSpPr>
        <p:cNvPr id="1" name=""/>
        <p:cNvGrpSpPr/>
        <p:nvPr/>
      </p:nvGrpSpPr>
      <p:grpSpPr>
        <a:xfrm>
          <a:off x="0" y="0"/>
          <a:ext cx="0" cy="0"/>
          <a:chOff x="0" y="0"/>
          <a:chExt cx="0" cy="0"/>
        </a:xfrm>
      </p:grpSpPr>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838200" y="1440000"/>
            <a:ext cx="3019926" cy="3136214"/>
          </a:xfrm>
          <a:prstGeom prst="roundRect">
            <a:avLst>
              <a:gd name="adj" fmla="val 4964"/>
            </a:avLst>
          </a:prstGeom>
        </p:spPr>
        <p:txBody>
          <a:bodyPr anchor="ctr">
            <a:normAutofit/>
          </a:bodyPr>
          <a:lstStyle>
            <a:lvl1pPr marL="0" indent="0" algn="ctr">
              <a:buNone/>
              <a:defRPr sz="1600">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4254391" y="1630740"/>
            <a:ext cx="7112855" cy="1518058"/>
          </a:xfrm>
        </p:spPr>
        <p:txBody>
          <a:bodyPr>
            <a:noAutofit/>
          </a:bodyPr>
          <a:lstStyle>
            <a:lvl1pPr marL="0" indent="0">
              <a:buFont typeface="Arial" panose="020B0604020202020204" pitchFamily="34" charset="0"/>
              <a:buNone/>
              <a:defRPr sz="1800">
                <a:solidFill>
                  <a:schemeClr val="bg2"/>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pic>
        <p:nvPicPr>
          <p:cNvPr id="6" name="Bilde 5">
            <a:extLst>
              <a:ext uri="{FF2B5EF4-FFF2-40B4-BE49-F238E27FC236}">
                <a16:creationId xmlns:a16="http://schemas.microsoft.com/office/drawing/2014/main" id="{207A6E7E-EE91-9F01-25F2-26042AC48241}"/>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10515600" cy="946800"/>
          </a:xfrm>
        </p:spPr>
        <p:txBody>
          <a:bodyPr anchor="t">
            <a:noAutofit/>
          </a:bodyPr>
          <a:lstStyle>
            <a:lvl1pPr>
              <a:defRPr>
                <a:solidFill>
                  <a:schemeClr val="bg2"/>
                </a:solidFill>
                <a:latin typeface="Aptos" panose="020B0004020202020204" pitchFamily="34" charset="0"/>
              </a:defRPr>
            </a:lvl1pPr>
          </a:lstStyle>
          <a:p>
            <a:r>
              <a:rPr lang="nb-NO"/>
              <a:t>Prosjektnavn</a:t>
            </a:r>
          </a:p>
        </p:txBody>
      </p:sp>
      <p:sp>
        <p:nvSpPr>
          <p:cNvPr id="15" name="TekstSylinder 14">
            <a:extLst>
              <a:ext uri="{FF2B5EF4-FFF2-40B4-BE49-F238E27FC236}">
                <a16:creationId xmlns:a16="http://schemas.microsoft.com/office/drawing/2014/main" id="{8CE52A38-E2EF-03A4-7DC1-E599D4BA0251}"/>
              </a:ext>
            </a:extLst>
          </p:cNvPr>
          <p:cNvSpPr txBox="1"/>
          <p:nvPr userDrawn="1"/>
        </p:nvSpPr>
        <p:spPr>
          <a:xfrm>
            <a:off x="709220" y="4828601"/>
            <a:ext cx="1098000" cy="334800"/>
          </a:xfrm>
          <a:prstGeom prst="rect">
            <a:avLst/>
          </a:prstGeom>
          <a:noFill/>
        </p:spPr>
        <p:txBody>
          <a:bodyPr wrap="square" rtlCol="0" anchor="ctr">
            <a:noAutofit/>
          </a:bodyPr>
          <a:lstStyle/>
          <a:p>
            <a:r>
              <a:rPr lang="nb-NO" sz="1200" b="1" dirty="0">
                <a:solidFill>
                  <a:schemeClr val="bg2"/>
                </a:solidFill>
                <a:latin typeface="Aptos" panose="020B0004020202020204" pitchFamily="34" charset="0"/>
              </a:rPr>
              <a:t>Kunde</a:t>
            </a:r>
          </a:p>
        </p:txBody>
      </p:sp>
      <p:sp>
        <p:nvSpPr>
          <p:cNvPr id="16" name="TekstSylinder 15">
            <a:extLst>
              <a:ext uri="{FF2B5EF4-FFF2-40B4-BE49-F238E27FC236}">
                <a16:creationId xmlns:a16="http://schemas.microsoft.com/office/drawing/2014/main" id="{553DE9F8-B042-262C-8519-321F3B5E0B03}"/>
              </a:ext>
            </a:extLst>
          </p:cNvPr>
          <p:cNvSpPr txBox="1"/>
          <p:nvPr userDrawn="1"/>
        </p:nvSpPr>
        <p:spPr>
          <a:xfrm>
            <a:off x="709220" y="5252394"/>
            <a:ext cx="1098000" cy="334800"/>
          </a:xfrm>
          <a:prstGeom prst="rect">
            <a:avLst/>
          </a:prstGeom>
          <a:noFill/>
        </p:spPr>
        <p:txBody>
          <a:bodyPr wrap="square" rtlCol="0" anchor="ctr">
            <a:noAutofit/>
          </a:bodyPr>
          <a:lstStyle/>
          <a:p>
            <a:r>
              <a:rPr lang="nb-NO" sz="1200" b="1">
                <a:solidFill>
                  <a:schemeClr val="bg2"/>
                </a:solidFill>
                <a:latin typeface="Aptos" panose="020B0004020202020204" pitchFamily="34" charset="0"/>
              </a:rPr>
              <a:t>Lokasjon</a:t>
            </a:r>
          </a:p>
        </p:txBody>
      </p:sp>
      <p:sp>
        <p:nvSpPr>
          <p:cNvPr id="17" name="TekstSylinder 16">
            <a:extLst>
              <a:ext uri="{FF2B5EF4-FFF2-40B4-BE49-F238E27FC236}">
                <a16:creationId xmlns:a16="http://schemas.microsoft.com/office/drawing/2014/main" id="{EC4DF47F-C1D9-6389-5278-382D8C6D6FC9}"/>
              </a:ext>
            </a:extLst>
          </p:cNvPr>
          <p:cNvSpPr txBox="1"/>
          <p:nvPr userDrawn="1"/>
        </p:nvSpPr>
        <p:spPr>
          <a:xfrm>
            <a:off x="709220" y="5676188"/>
            <a:ext cx="1098000" cy="334800"/>
          </a:xfrm>
          <a:prstGeom prst="rect">
            <a:avLst/>
          </a:prstGeom>
          <a:noFill/>
        </p:spPr>
        <p:txBody>
          <a:bodyPr wrap="square" rtlCol="0" anchor="ctr">
            <a:noAutofit/>
          </a:bodyPr>
          <a:lstStyle/>
          <a:p>
            <a:r>
              <a:rPr lang="nb-NO" sz="1200" b="1">
                <a:solidFill>
                  <a:schemeClr val="bg2"/>
                </a:solidFill>
                <a:latin typeface="Aptos" panose="020B0004020202020204" pitchFamily="34" charset="0"/>
              </a:rPr>
              <a:t>Tidsperiode</a:t>
            </a:r>
          </a:p>
        </p:txBody>
      </p:sp>
      <p:sp>
        <p:nvSpPr>
          <p:cNvPr id="18" name="Plassholder for tekst 6">
            <a:extLst>
              <a:ext uri="{FF2B5EF4-FFF2-40B4-BE49-F238E27FC236}">
                <a16:creationId xmlns:a16="http://schemas.microsoft.com/office/drawing/2014/main" id="{F0A70BA6-B04B-5EDD-E931-4F238A049C1D}"/>
              </a:ext>
            </a:extLst>
          </p:cNvPr>
          <p:cNvSpPr>
            <a:spLocks noGrp="1"/>
          </p:cNvSpPr>
          <p:nvPr>
            <p:ph type="body" sz="quarter" idx="35" hasCustomPrompt="1"/>
          </p:nvPr>
        </p:nvSpPr>
        <p:spPr>
          <a:xfrm>
            <a:off x="1824524" y="4828601"/>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dirty="0"/>
              <a:t>Klikk for å legge til tekst	</a:t>
            </a:r>
          </a:p>
        </p:txBody>
      </p:sp>
      <p:sp>
        <p:nvSpPr>
          <p:cNvPr id="19" name="Plassholder for tekst 6">
            <a:extLst>
              <a:ext uri="{FF2B5EF4-FFF2-40B4-BE49-F238E27FC236}">
                <a16:creationId xmlns:a16="http://schemas.microsoft.com/office/drawing/2014/main" id="{4DD7287A-CFF7-4FBA-7166-3AA4D74FB221}"/>
              </a:ext>
            </a:extLst>
          </p:cNvPr>
          <p:cNvSpPr>
            <a:spLocks noGrp="1"/>
          </p:cNvSpPr>
          <p:nvPr>
            <p:ph type="body" sz="quarter" idx="36" hasCustomPrompt="1"/>
          </p:nvPr>
        </p:nvSpPr>
        <p:spPr>
          <a:xfrm>
            <a:off x="1824524" y="5252394"/>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sp>
        <p:nvSpPr>
          <p:cNvPr id="20" name="Plassholder for tekst 6">
            <a:extLst>
              <a:ext uri="{FF2B5EF4-FFF2-40B4-BE49-F238E27FC236}">
                <a16:creationId xmlns:a16="http://schemas.microsoft.com/office/drawing/2014/main" id="{B291BF4F-1CA1-C2AF-F33E-A5617C76DA3F}"/>
              </a:ext>
            </a:extLst>
          </p:cNvPr>
          <p:cNvSpPr>
            <a:spLocks noGrp="1"/>
          </p:cNvSpPr>
          <p:nvPr>
            <p:ph type="body" sz="quarter" idx="37" hasCustomPrompt="1"/>
          </p:nvPr>
        </p:nvSpPr>
        <p:spPr>
          <a:xfrm>
            <a:off x="1824524" y="5676188"/>
            <a:ext cx="2026860" cy="334800"/>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cxnSp>
        <p:nvCxnSpPr>
          <p:cNvPr id="26" name="Rett linje 25">
            <a:extLst>
              <a:ext uri="{FF2B5EF4-FFF2-40B4-BE49-F238E27FC236}">
                <a16:creationId xmlns:a16="http://schemas.microsoft.com/office/drawing/2014/main" id="{F5E072EB-6FCC-50C1-516A-538524734D9A}"/>
              </a:ext>
            </a:extLst>
          </p:cNvPr>
          <p:cNvCxnSpPr>
            <a:cxnSpLocks/>
          </p:cNvCxnSpPr>
          <p:nvPr userDrawn="1"/>
        </p:nvCxnSpPr>
        <p:spPr>
          <a:xfrm>
            <a:off x="1807010" y="47875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Rett linje 40">
            <a:extLst>
              <a:ext uri="{FF2B5EF4-FFF2-40B4-BE49-F238E27FC236}">
                <a16:creationId xmlns:a16="http://schemas.microsoft.com/office/drawing/2014/main" id="{2EB275D8-5351-4F3E-552B-2A3698B76831}"/>
              </a:ext>
            </a:extLst>
          </p:cNvPr>
          <p:cNvCxnSpPr>
            <a:cxnSpLocks/>
          </p:cNvCxnSpPr>
          <p:nvPr userDrawn="1"/>
        </p:nvCxnSpPr>
        <p:spPr>
          <a:xfrm>
            <a:off x="1807010" y="52066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Rett linje 41">
            <a:extLst>
              <a:ext uri="{FF2B5EF4-FFF2-40B4-BE49-F238E27FC236}">
                <a16:creationId xmlns:a16="http://schemas.microsoft.com/office/drawing/2014/main" id="{6FF298FB-F67D-4997-A807-D255AA72896F}"/>
              </a:ext>
            </a:extLst>
          </p:cNvPr>
          <p:cNvCxnSpPr>
            <a:cxnSpLocks/>
          </p:cNvCxnSpPr>
          <p:nvPr userDrawn="1"/>
        </p:nvCxnSpPr>
        <p:spPr>
          <a:xfrm>
            <a:off x="1807010" y="563523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44" name="TekstSylinder 43">
            <a:extLst>
              <a:ext uri="{FF2B5EF4-FFF2-40B4-BE49-F238E27FC236}">
                <a16:creationId xmlns:a16="http://schemas.microsoft.com/office/drawing/2014/main" id="{D4544379-1895-EF8F-3CE8-F5B90DC25DB6}"/>
              </a:ext>
            </a:extLst>
          </p:cNvPr>
          <p:cNvSpPr txBox="1"/>
          <p:nvPr userDrawn="1"/>
        </p:nvSpPr>
        <p:spPr>
          <a:xfrm>
            <a:off x="4254391" y="1353740"/>
            <a:ext cx="1771653" cy="276999"/>
          </a:xfrm>
          <a:prstGeom prst="rect">
            <a:avLst/>
          </a:prstGeom>
          <a:noFill/>
        </p:spPr>
        <p:txBody>
          <a:bodyPr wrap="square" rtlCol="0" anchor="ctr">
            <a:noAutofit/>
          </a:bodyPr>
          <a:lstStyle/>
          <a:p>
            <a:r>
              <a:rPr lang="nb-NO" sz="1200" b="1" dirty="0">
                <a:solidFill>
                  <a:schemeClr val="bg2"/>
                </a:solidFill>
                <a:latin typeface="Aptos" panose="020B0004020202020204" pitchFamily="34" charset="0"/>
              </a:rPr>
              <a:t>Om prosjektet</a:t>
            </a:r>
          </a:p>
        </p:txBody>
      </p:sp>
      <p:sp>
        <p:nvSpPr>
          <p:cNvPr id="47" name="Plassholder for innhold 2">
            <a:extLst>
              <a:ext uri="{FF2B5EF4-FFF2-40B4-BE49-F238E27FC236}">
                <a16:creationId xmlns:a16="http://schemas.microsoft.com/office/drawing/2014/main" id="{EF70380D-B785-2260-DA34-5A0F08A166A1}"/>
              </a:ext>
            </a:extLst>
          </p:cNvPr>
          <p:cNvSpPr>
            <a:spLocks noGrp="1"/>
          </p:cNvSpPr>
          <p:nvPr>
            <p:ph idx="38" hasCustomPrompt="1"/>
          </p:nvPr>
        </p:nvSpPr>
        <p:spPr>
          <a:xfrm>
            <a:off x="4254391" y="3530368"/>
            <a:ext cx="4275459" cy="2517090"/>
          </a:xfrm>
        </p:spPr>
        <p:txBody>
          <a:bodyPr>
            <a:noAutofit/>
          </a:bodyPr>
          <a:lstStyle>
            <a:lvl1pPr marL="0" indent="0">
              <a:spcBef>
                <a:spcPts val="600"/>
              </a:spcBef>
              <a:buFont typeface="Arial" panose="020B0604020202020204" pitchFamily="34" charset="0"/>
              <a:buNone/>
              <a:defRPr sz="1600">
                <a:solidFill>
                  <a:schemeClr val="bg2"/>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r>
              <a:rPr lang="nb-NO" dirty="0"/>
              <a:t>Klikk for å redigere tekst</a:t>
            </a:r>
          </a:p>
        </p:txBody>
      </p:sp>
      <p:sp>
        <p:nvSpPr>
          <p:cNvPr id="48" name="TekstSylinder 47">
            <a:extLst>
              <a:ext uri="{FF2B5EF4-FFF2-40B4-BE49-F238E27FC236}">
                <a16:creationId xmlns:a16="http://schemas.microsoft.com/office/drawing/2014/main" id="{DFBA4433-347B-C653-4B29-0ACED4147B80}"/>
              </a:ext>
            </a:extLst>
          </p:cNvPr>
          <p:cNvSpPr txBox="1"/>
          <p:nvPr userDrawn="1"/>
        </p:nvSpPr>
        <p:spPr>
          <a:xfrm>
            <a:off x="4254390" y="3283885"/>
            <a:ext cx="1771653" cy="276999"/>
          </a:xfrm>
          <a:prstGeom prst="rect">
            <a:avLst/>
          </a:prstGeom>
          <a:noFill/>
        </p:spPr>
        <p:txBody>
          <a:bodyPr wrap="square" rtlCol="0" anchor="ctr">
            <a:noAutofit/>
          </a:bodyPr>
          <a:lstStyle/>
          <a:p>
            <a:r>
              <a:rPr lang="nb-NO" sz="1200" b="1" dirty="0">
                <a:solidFill>
                  <a:schemeClr val="bg2"/>
                </a:solidFill>
                <a:latin typeface="Aptos" panose="020B0004020202020204" pitchFamily="34" charset="0"/>
              </a:rPr>
              <a:t>Vårt arbeidsomfang</a:t>
            </a:r>
          </a:p>
        </p:txBody>
      </p:sp>
      <p:sp>
        <p:nvSpPr>
          <p:cNvPr id="49" name="Plassholder for bilde 8">
            <a:extLst>
              <a:ext uri="{FF2B5EF4-FFF2-40B4-BE49-F238E27FC236}">
                <a16:creationId xmlns:a16="http://schemas.microsoft.com/office/drawing/2014/main" id="{E6B259FB-2F43-455F-D46F-2A775D4E69B9}"/>
              </a:ext>
            </a:extLst>
          </p:cNvPr>
          <p:cNvSpPr>
            <a:spLocks noGrp="1"/>
          </p:cNvSpPr>
          <p:nvPr>
            <p:ph type="pic" sz="quarter" idx="39" hasCustomPrompt="1"/>
          </p:nvPr>
        </p:nvSpPr>
        <p:spPr>
          <a:xfrm>
            <a:off x="8720919" y="3350871"/>
            <a:ext cx="2647280" cy="2684168"/>
          </a:xfrm>
          <a:prstGeom prst="roundRect">
            <a:avLst>
              <a:gd name="adj" fmla="val 4964"/>
            </a:avLst>
          </a:prstGeom>
        </p:spPr>
        <p:txBody>
          <a:bodyPr anchor="ctr">
            <a:normAutofit/>
          </a:bodyPr>
          <a:lstStyle>
            <a:lvl1pPr marL="0" indent="0" algn="ctr">
              <a:buNone/>
              <a:defRPr sz="1600">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cxnSp>
        <p:nvCxnSpPr>
          <p:cNvPr id="53" name="Rett linje 52">
            <a:extLst>
              <a:ext uri="{FF2B5EF4-FFF2-40B4-BE49-F238E27FC236}">
                <a16:creationId xmlns:a16="http://schemas.microsoft.com/office/drawing/2014/main" id="{EE37323A-E9EE-C40A-5B8C-33D32D802C9F}"/>
              </a:ext>
            </a:extLst>
          </p:cNvPr>
          <p:cNvCxnSpPr>
            <a:cxnSpLocks/>
          </p:cNvCxnSpPr>
          <p:nvPr userDrawn="1"/>
        </p:nvCxnSpPr>
        <p:spPr>
          <a:xfrm>
            <a:off x="1807010" y="604746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2627155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Forside 2">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A51597EE-9C80-BED4-B972-F77187939CB5}"/>
              </a:ext>
            </a:extLst>
          </p:cNvPr>
          <p:cNvSpPr>
            <a:spLocks noGrp="1"/>
          </p:cNvSpPr>
          <p:nvPr>
            <p:ph type="ctrTitle" hasCustomPrompt="1"/>
          </p:nvPr>
        </p:nvSpPr>
        <p:spPr>
          <a:xfrm>
            <a:off x="838199" y="1501160"/>
            <a:ext cx="4971402" cy="3505737"/>
          </a:xfrm>
        </p:spPr>
        <p:txBody>
          <a:bodyPr anchor="b">
            <a:noAutofit/>
          </a:bodyPr>
          <a:lstStyle>
            <a:lvl1pPr algn="l">
              <a:defRPr sz="5400">
                <a:solidFill>
                  <a:schemeClr val="bg2"/>
                </a:solidFill>
                <a:latin typeface="Aptos" panose="020B0004020202020204" pitchFamily="34" charset="0"/>
              </a:defRPr>
            </a:lvl1pPr>
          </a:lstStyle>
          <a:p>
            <a:r>
              <a:rPr lang="nb-NO" dirty="0"/>
              <a:t>Klikk for å redigere tittel</a:t>
            </a:r>
          </a:p>
        </p:txBody>
      </p:sp>
      <p:sp>
        <p:nvSpPr>
          <p:cNvPr id="3" name="Undertittel 2">
            <a:extLst>
              <a:ext uri="{FF2B5EF4-FFF2-40B4-BE49-F238E27FC236}">
                <a16:creationId xmlns:a16="http://schemas.microsoft.com/office/drawing/2014/main" id="{6C16562C-6679-120E-9543-2FB6648D17D1}"/>
              </a:ext>
            </a:extLst>
          </p:cNvPr>
          <p:cNvSpPr>
            <a:spLocks noGrp="1"/>
          </p:cNvSpPr>
          <p:nvPr>
            <p:ph type="subTitle" idx="1" hasCustomPrompt="1"/>
          </p:nvPr>
        </p:nvSpPr>
        <p:spPr>
          <a:xfrm>
            <a:off x="838199" y="5120639"/>
            <a:ext cx="4971402" cy="919301"/>
          </a:xfrm>
        </p:spPr>
        <p:txBody>
          <a:bodyPr>
            <a:noAutofit/>
          </a:bodyPr>
          <a:lstStyle>
            <a:lvl1pPr marL="0" indent="0" algn="l">
              <a:buNone/>
              <a:defRPr sz="2000">
                <a:solidFill>
                  <a:schemeClr val="bg2"/>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her for å redigere undertittel</a:t>
            </a:r>
          </a:p>
        </p:txBody>
      </p:sp>
      <p:pic>
        <p:nvPicPr>
          <p:cNvPr id="4" name="Bilde 3">
            <a:extLst>
              <a:ext uri="{FF2B5EF4-FFF2-40B4-BE49-F238E27FC236}">
                <a16:creationId xmlns:a16="http://schemas.microsoft.com/office/drawing/2014/main" id="{DCFC6F05-CC25-3847-DE7E-E810DF531BF6}"/>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8" name="Bilde 7">
            <a:extLst>
              <a:ext uri="{FF2B5EF4-FFF2-40B4-BE49-F238E27FC236}">
                <a16:creationId xmlns:a16="http://schemas.microsoft.com/office/drawing/2014/main" id="{549FC9F5-99DD-1F7B-8314-12867514399A}"/>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Plassholder for bilde 9">
            <a:extLst>
              <a:ext uri="{FF2B5EF4-FFF2-40B4-BE49-F238E27FC236}">
                <a16:creationId xmlns:a16="http://schemas.microsoft.com/office/drawing/2014/main" id="{D2F217D4-8B90-9CD5-3D8D-40CACBBD69C6}"/>
              </a:ext>
            </a:extLst>
          </p:cNvPr>
          <p:cNvSpPr>
            <a:spLocks noGrp="1"/>
          </p:cNvSpPr>
          <p:nvPr>
            <p:ph type="pic" sz="quarter" idx="14" hasCustomPrompt="1"/>
          </p:nvPr>
        </p:nvSpPr>
        <p:spPr>
          <a:xfrm>
            <a:off x="6139543" y="827690"/>
            <a:ext cx="5212251" cy="5212251"/>
          </a:xfrm>
          <a:custGeom>
            <a:avLst/>
            <a:gdLst>
              <a:gd name="connsiteX0" fmla="*/ 1115078 w 4971402"/>
              <a:gd name="connsiteY0" fmla="*/ 0 h 4971402"/>
              <a:gd name="connsiteX1" fmla="*/ 4758012 w 4971402"/>
              <a:gd name="connsiteY1" fmla="*/ 0 h 4971402"/>
              <a:gd name="connsiteX2" fmla="*/ 4971402 w 4971402"/>
              <a:gd name="connsiteY2" fmla="*/ 213390 h 4971402"/>
              <a:gd name="connsiteX3" fmla="*/ 4971402 w 4971402"/>
              <a:gd name="connsiteY3" fmla="*/ 4758012 h 4971402"/>
              <a:gd name="connsiteX4" fmla="*/ 4758012 w 4971402"/>
              <a:gd name="connsiteY4" fmla="*/ 4971402 h 4971402"/>
              <a:gd name="connsiteX5" fmla="*/ 2201951 w 4971402"/>
              <a:gd name="connsiteY5" fmla="*/ 4971402 h 4971402"/>
              <a:gd name="connsiteX6" fmla="*/ 1988561 w 4971402"/>
              <a:gd name="connsiteY6" fmla="*/ 4758012 h 4971402"/>
              <a:gd name="connsiteX7" fmla="*/ 1988561 w 4971402"/>
              <a:gd name="connsiteY7" fmla="*/ 4084669 h 4971402"/>
              <a:gd name="connsiteX8" fmla="*/ 1592194 w 4971402"/>
              <a:gd name="connsiteY8" fmla="*/ 3974863 h 4971402"/>
              <a:gd name="connsiteX9" fmla="*/ 1056461 w 4971402"/>
              <a:gd name="connsiteY9" fmla="*/ 4867768 h 4971402"/>
              <a:gd name="connsiteX10" fmla="*/ 873483 w 4971402"/>
              <a:gd name="connsiteY10" fmla="*/ 4971352 h 4971402"/>
              <a:gd name="connsiteX11" fmla="*/ 213390 w 4971402"/>
              <a:gd name="connsiteY11" fmla="*/ 4971352 h 4971402"/>
              <a:gd name="connsiteX12" fmla="*/ 0 w 4971402"/>
              <a:gd name="connsiteY12" fmla="*/ 4757962 h 4971402"/>
              <a:gd name="connsiteX13" fmla="*/ 0 w 4971402"/>
              <a:gd name="connsiteY13" fmla="*/ 1716253 h 4971402"/>
              <a:gd name="connsiteX14" fmla="*/ 30413 w 4971402"/>
              <a:gd name="connsiteY14" fmla="*/ 1606446 h 4971402"/>
              <a:gd name="connsiteX15" fmla="*/ 932100 w 4971402"/>
              <a:gd name="connsiteY15" fmla="*/ 103583 h 4971402"/>
              <a:gd name="connsiteX16" fmla="*/ 1115078 w 4971402"/>
              <a:gd name="connsiteY16" fmla="*/ 0 h 4971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971402" h="4971402">
                <a:moveTo>
                  <a:pt x="1115078" y="0"/>
                </a:moveTo>
                <a:lnTo>
                  <a:pt x="4758012" y="0"/>
                </a:lnTo>
                <a:cubicBezTo>
                  <a:pt x="4875848" y="0"/>
                  <a:pt x="4971402" y="95554"/>
                  <a:pt x="4971402" y="213390"/>
                </a:cubicBezTo>
                <a:lnTo>
                  <a:pt x="4971402" y="4758012"/>
                </a:lnTo>
                <a:cubicBezTo>
                  <a:pt x="4971402" y="4875848"/>
                  <a:pt x="4875848" y="4971402"/>
                  <a:pt x="4758012" y="4971402"/>
                </a:cubicBezTo>
                <a:lnTo>
                  <a:pt x="2201951" y="4971402"/>
                </a:lnTo>
                <a:cubicBezTo>
                  <a:pt x="2084114" y="4971402"/>
                  <a:pt x="1988561" y="4875848"/>
                  <a:pt x="1988561" y="4758012"/>
                </a:cubicBezTo>
                <a:lnTo>
                  <a:pt x="1988561" y="4084669"/>
                </a:lnTo>
                <a:cubicBezTo>
                  <a:pt x="1988561" y="3868268"/>
                  <a:pt x="1703556" y="3789276"/>
                  <a:pt x="1592194" y="3974863"/>
                </a:cubicBezTo>
                <a:lnTo>
                  <a:pt x="1056461" y="4867768"/>
                </a:lnTo>
                <a:cubicBezTo>
                  <a:pt x="1017918" y="4932056"/>
                  <a:pt x="948461" y="4971352"/>
                  <a:pt x="873483" y="4971352"/>
                </a:cubicBezTo>
                <a:lnTo>
                  <a:pt x="213390" y="4971352"/>
                </a:lnTo>
                <a:cubicBezTo>
                  <a:pt x="95554" y="4971352"/>
                  <a:pt x="0" y="4875798"/>
                  <a:pt x="0" y="4757962"/>
                </a:cubicBezTo>
                <a:lnTo>
                  <a:pt x="0" y="1716253"/>
                </a:lnTo>
                <a:cubicBezTo>
                  <a:pt x="0" y="1677559"/>
                  <a:pt x="10489" y="1639619"/>
                  <a:pt x="30413" y="1606446"/>
                </a:cubicBezTo>
                <a:lnTo>
                  <a:pt x="932100" y="103583"/>
                </a:lnTo>
                <a:cubicBezTo>
                  <a:pt x="970693" y="39346"/>
                  <a:pt x="1040150" y="0"/>
                  <a:pt x="1115078" y="0"/>
                </a:cubicBezTo>
                <a:close/>
              </a:path>
            </a:pathLst>
          </a:custGeom>
        </p:spPr>
        <p:txBody>
          <a:bodyPr wrap="square" anchor="ctr">
            <a:noAutofit/>
          </a:bodyPr>
          <a:lstStyle>
            <a:lvl1pPr marL="0" indent="0" algn="ctr">
              <a:buNone/>
              <a:defRPr>
                <a:solidFill>
                  <a:schemeClr val="bg2"/>
                </a:solidFill>
                <a:latin typeface="Aptos" panose="020B0004020202020204" pitchFamily="34" charset="0"/>
              </a:defRPr>
            </a:lvl1pPr>
          </a:lstStyle>
          <a:p>
            <a:r>
              <a:rPr lang="nb-NO" dirty="0"/>
              <a:t>Klikk på ikonet for å legge til et bilde</a:t>
            </a:r>
          </a:p>
          <a:p>
            <a:endParaRPr lang="nb-NO" dirty="0"/>
          </a:p>
          <a:p>
            <a:endParaRPr lang="nb-NO" dirty="0"/>
          </a:p>
        </p:txBody>
      </p:sp>
    </p:spTree>
    <p:extLst>
      <p:ext uri="{BB962C8B-B14F-4D97-AF65-F5344CB8AC3E}">
        <p14:creationId xmlns:p14="http://schemas.microsoft.com/office/powerpoint/2010/main" val="253396786"/>
      </p:ext>
    </p:extLst>
  </p:cSld>
  <p:clrMapOvr>
    <a:overrideClrMapping bg1="lt1" tx1="dk1" bg2="lt2" tx2="dk2" accent1="accent1" accent2="accent2" accent3="accent3" accent4="accent4" accent5="accent5" accent6="accent6" hlink="hlink" folHlink="folHlink"/>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Referanse 1 (ENG)">
    <p:spTree>
      <p:nvGrpSpPr>
        <p:cNvPr id="1" name=""/>
        <p:cNvGrpSpPr/>
        <p:nvPr/>
      </p:nvGrpSpPr>
      <p:grpSpPr>
        <a:xfrm>
          <a:off x="0" y="0"/>
          <a:ext cx="0" cy="0"/>
          <a:chOff x="0" y="0"/>
          <a:chExt cx="0" cy="0"/>
        </a:xfrm>
      </p:grpSpPr>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838200" y="1440000"/>
            <a:ext cx="3019926" cy="3136214"/>
          </a:xfrm>
          <a:prstGeom prst="roundRect">
            <a:avLst>
              <a:gd name="adj" fmla="val 4964"/>
            </a:avLst>
          </a:prstGeom>
        </p:spPr>
        <p:txBody>
          <a:bodyPr anchor="ctr">
            <a:normAutofit/>
          </a:bodyPr>
          <a:lstStyle>
            <a:lvl1pPr marL="0" indent="0" algn="ctr">
              <a:buNone/>
              <a:defRPr sz="1600">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4254391" y="1630740"/>
            <a:ext cx="7112855" cy="1518058"/>
          </a:xfrm>
        </p:spPr>
        <p:txBody>
          <a:bodyPr>
            <a:noAutofit/>
          </a:bodyPr>
          <a:lstStyle>
            <a:lvl1pPr marL="0" indent="0">
              <a:buFont typeface="Arial" panose="020B0604020202020204" pitchFamily="34" charset="0"/>
              <a:buNone/>
              <a:defRPr sz="1800">
                <a:solidFill>
                  <a:schemeClr val="bg2"/>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pic>
        <p:nvPicPr>
          <p:cNvPr id="6" name="Bilde 5">
            <a:extLst>
              <a:ext uri="{FF2B5EF4-FFF2-40B4-BE49-F238E27FC236}">
                <a16:creationId xmlns:a16="http://schemas.microsoft.com/office/drawing/2014/main" id="{207A6E7E-EE91-9F01-25F2-26042AC48241}"/>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10515600" cy="946800"/>
          </a:xfrm>
        </p:spPr>
        <p:txBody>
          <a:bodyPr anchor="t">
            <a:noAutofit/>
          </a:bodyPr>
          <a:lstStyle>
            <a:lvl1pPr>
              <a:defRPr>
                <a:solidFill>
                  <a:schemeClr val="bg2"/>
                </a:solidFill>
                <a:latin typeface="Aptos" panose="020B0004020202020204" pitchFamily="34" charset="0"/>
              </a:defRPr>
            </a:lvl1pPr>
          </a:lstStyle>
          <a:p>
            <a:r>
              <a:rPr lang="nb-NO"/>
              <a:t>Prosjektnavn</a:t>
            </a:r>
          </a:p>
        </p:txBody>
      </p:sp>
      <p:sp>
        <p:nvSpPr>
          <p:cNvPr id="15" name="TekstSylinder 14">
            <a:extLst>
              <a:ext uri="{FF2B5EF4-FFF2-40B4-BE49-F238E27FC236}">
                <a16:creationId xmlns:a16="http://schemas.microsoft.com/office/drawing/2014/main" id="{8CE52A38-E2EF-03A4-7DC1-E599D4BA0251}"/>
              </a:ext>
            </a:extLst>
          </p:cNvPr>
          <p:cNvSpPr txBox="1"/>
          <p:nvPr userDrawn="1"/>
        </p:nvSpPr>
        <p:spPr>
          <a:xfrm>
            <a:off x="709220" y="4828601"/>
            <a:ext cx="1098000" cy="334800"/>
          </a:xfrm>
          <a:prstGeom prst="rect">
            <a:avLst/>
          </a:prstGeom>
          <a:noFill/>
        </p:spPr>
        <p:txBody>
          <a:bodyPr wrap="square" rtlCol="0" anchor="ctr">
            <a:noAutofit/>
          </a:bodyPr>
          <a:lstStyle/>
          <a:p>
            <a:r>
              <a:rPr lang="en-GB" sz="1200" b="1" noProof="0" dirty="0">
                <a:solidFill>
                  <a:schemeClr val="bg2"/>
                </a:solidFill>
                <a:latin typeface="Aptos" panose="020B0004020202020204" pitchFamily="34" charset="0"/>
              </a:rPr>
              <a:t>Client</a:t>
            </a:r>
          </a:p>
        </p:txBody>
      </p:sp>
      <p:sp>
        <p:nvSpPr>
          <p:cNvPr id="16" name="TekstSylinder 15">
            <a:extLst>
              <a:ext uri="{FF2B5EF4-FFF2-40B4-BE49-F238E27FC236}">
                <a16:creationId xmlns:a16="http://schemas.microsoft.com/office/drawing/2014/main" id="{553DE9F8-B042-262C-8519-321F3B5E0B03}"/>
              </a:ext>
            </a:extLst>
          </p:cNvPr>
          <p:cNvSpPr txBox="1"/>
          <p:nvPr userDrawn="1"/>
        </p:nvSpPr>
        <p:spPr>
          <a:xfrm>
            <a:off x="709220" y="5252394"/>
            <a:ext cx="1098000" cy="334800"/>
          </a:xfrm>
          <a:prstGeom prst="rect">
            <a:avLst/>
          </a:prstGeom>
          <a:noFill/>
        </p:spPr>
        <p:txBody>
          <a:bodyPr wrap="square" rtlCol="0" anchor="ctr">
            <a:noAutofit/>
          </a:bodyPr>
          <a:lstStyle/>
          <a:p>
            <a:r>
              <a:rPr lang="en-GB" sz="1200" b="1" noProof="0" dirty="0">
                <a:solidFill>
                  <a:schemeClr val="bg2"/>
                </a:solidFill>
                <a:latin typeface="Aptos" panose="020B0004020202020204" pitchFamily="34" charset="0"/>
              </a:rPr>
              <a:t>Location</a:t>
            </a:r>
          </a:p>
        </p:txBody>
      </p:sp>
      <p:sp>
        <p:nvSpPr>
          <p:cNvPr id="17" name="TekstSylinder 16">
            <a:extLst>
              <a:ext uri="{FF2B5EF4-FFF2-40B4-BE49-F238E27FC236}">
                <a16:creationId xmlns:a16="http://schemas.microsoft.com/office/drawing/2014/main" id="{EC4DF47F-C1D9-6389-5278-382D8C6D6FC9}"/>
              </a:ext>
            </a:extLst>
          </p:cNvPr>
          <p:cNvSpPr txBox="1"/>
          <p:nvPr userDrawn="1"/>
        </p:nvSpPr>
        <p:spPr>
          <a:xfrm>
            <a:off x="709220" y="5676188"/>
            <a:ext cx="1098000" cy="334800"/>
          </a:xfrm>
          <a:prstGeom prst="rect">
            <a:avLst/>
          </a:prstGeom>
          <a:noFill/>
        </p:spPr>
        <p:txBody>
          <a:bodyPr wrap="square" rtlCol="0" anchor="ctr">
            <a:noAutofit/>
          </a:bodyPr>
          <a:lstStyle/>
          <a:p>
            <a:r>
              <a:rPr lang="en-GB" sz="1200" b="1" noProof="0" dirty="0">
                <a:solidFill>
                  <a:schemeClr val="bg2"/>
                </a:solidFill>
                <a:latin typeface="Aptos" panose="020B0004020202020204" pitchFamily="34" charset="0"/>
              </a:rPr>
              <a:t>Time period</a:t>
            </a:r>
          </a:p>
        </p:txBody>
      </p:sp>
      <p:sp>
        <p:nvSpPr>
          <p:cNvPr id="18" name="Plassholder for tekst 6">
            <a:extLst>
              <a:ext uri="{FF2B5EF4-FFF2-40B4-BE49-F238E27FC236}">
                <a16:creationId xmlns:a16="http://schemas.microsoft.com/office/drawing/2014/main" id="{F0A70BA6-B04B-5EDD-E931-4F238A049C1D}"/>
              </a:ext>
            </a:extLst>
          </p:cNvPr>
          <p:cNvSpPr>
            <a:spLocks noGrp="1"/>
          </p:cNvSpPr>
          <p:nvPr>
            <p:ph type="body" sz="quarter" idx="35" hasCustomPrompt="1"/>
          </p:nvPr>
        </p:nvSpPr>
        <p:spPr>
          <a:xfrm>
            <a:off x="1824524" y="4828601"/>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dirty="0"/>
              <a:t>Klikk for å legge til tekst	</a:t>
            </a:r>
          </a:p>
        </p:txBody>
      </p:sp>
      <p:sp>
        <p:nvSpPr>
          <p:cNvPr id="19" name="Plassholder for tekst 6">
            <a:extLst>
              <a:ext uri="{FF2B5EF4-FFF2-40B4-BE49-F238E27FC236}">
                <a16:creationId xmlns:a16="http://schemas.microsoft.com/office/drawing/2014/main" id="{4DD7287A-CFF7-4FBA-7166-3AA4D74FB221}"/>
              </a:ext>
            </a:extLst>
          </p:cNvPr>
          <p:cNvSpPr>
            <a:spLocks noGrp="1"/>
          </p:cNvSpPr>
          <p:nvPr>
            <p:ph type="body" sz="quarter" idx="36" hasCustomPrompt="1"/>
          </p:nvPr>
        </p:nvSpPr>
        <p:spPr>
          <a:xfrm>
            <a:off x="1824524" y="5252394"/>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sp>
        <p:nvSpPr>
          <p:cNvPr id="20" name="Plassholder for tekst 6">
            <a:extLst>
              <a:ext uri="{FF2B5EF4-FFF2-40B4-BE49-F238E27FC236}">
                <a16:creationId xmlns:a16="http://schemas.microsoft.com/office/drawing/2014/main" id="{B291BF4F-1CA1-C2AF-F33E-A5617C76DA3F}"/>
              </a:ext>
            </a:extLst>
          </p:cNvPr>
          <p:cNvSpPr>
            <a:spLocks noGrp="1"/>
          </p:cNvSpPr>
          <p:nvPr>
            <p:ph type="body" sz="quarter" idx="37" hasCustomPrompt="1"/>
          </p:nvPr>
        </p:nvSpPr>
        <p:spPr>
          <a:xfrm>
            <a:off x="1824524" y="5676188"/>
            <a:ext cx="2026860" cy="334800"/>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cxnSp>
        <p:nvCxnSpPr>
          <p:cNvPr id="26" name="Rett linje 25">
            <a:extLst>
              <a:ext uri="{FF2B5EF4-FFF2-40B4-BE49-F238E27FC236}">
                <a16:creationId xmlns:a16="http://schemas.microsoft.com/office/drawing/2014/main" id="{F5E072EB-6FCC-50C1-516A-538524734D9A}"/>
              </a:ext>
            </a:extLst>
          </p:cNvPr>
          <p:cNvCxnSpPr>
            <a:cxnSpLocks/>
          </p:cNvCxnSpPr>
          <p:nvPr userDrawn="1"/>
        </p:nvCxnSpPr>
        <p:spPr>
          <a:xfrm>
            <a:off x="1807010" y="47875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Rett linje 40">
            <a:extLst>
              <a:ext uri="{FF2B5EF4-FFF2-40B4-BE49-F238E27FC236}">
                <a16:creationId xmlns:a16="http://schemas.microsoft.com/office/drawing/2014/main" id="{2EB275D8-5351-4F3E-552B-2A3698B76831}"/>
              </a:ext>
            </a:extLst>
          </p:cNvPr>
          <p:cNvCxnSpPr>
            <a:cxnSpLocks/>
          </p:cNvCxnSpPr>
          <p:nvPr userDrawn="1"/>
        </p:nvCxnSpPr>
        <p:spPr>
          <a:xfrm>
            <a:off x="1807010" y="52066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Rett linje 41">
            <a:extLst>
              <a:ext uri="{FF2B5EF4-FFF2-40B4-BE49-F238E27FC236}">
                <a16:creationId xmlns:a16="http://schemas.microsoft.com/office/drawing/2014/main" id="{6FF298FB-F67D-4997-A807-D255AA72896F}"/>
              </a:ext>
            </a:extLst>
          </p:cNvPr>
          <p:cNvCxnSpPr>
            <a:cxnSpLocks/>
          </p:cNvCxnSpPr>
          <p:nvPr userDrawn="1"/>
        </p:nvCxnSpPr>
        <p:spPr>
          <a:xfrm>
            <a:off x="1807010" y="563523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44" name="TekstSylinder 43">
            <a:extLst>
              <a:ext uri="{FF2B5EF4-FFF2-40B4-BE49-F238E27FC236}">
                <a16:creationId xmlns:a16="http://schemas.microsoft.com/office/drawing/2014/main" id="{D4544379-1895-EF8F-3CE8-F5B90DC25DB6}"/>
              </a:ext>
            </a:extLst>
          </p:cNvPr>
          <p:cNvSpPr txBox="1"/>
          <p:nvPr userDrawn="1"/>
        </p:nvSpPr>
        <p:spPr>
          <a:xfrm>
            <a:off x="4254391" y="1353740"/>
            <a:ext cx="1771653" cy="276999"/>
          </a:xfrm>
          <a:prstGeom prst="rect">
            <a:avLst/>
          </a:prstGeom>
          <a:noFill/>
        </p:spPr>
        <p:txBody>
          <a:bodyPr wrap="square" rtlCol="0" anchor="ctr">
            <a:noAutofit/>
          </a:bodyPr>
          <a:lstStyle/>
          <a:p>
            <a:r>
              <a:rPr lang="en-GB" sz="1200" b="1" noProof="0" dirty="0">
                <a:solidFill>
                  <a:schemeClr val="bg2"/>
                </a:solidFill>
                <a:latin typeface="Aptos" panose="020B0004020202020204" pitchFamily="34" charset="0"/>
              </a:rPr>
              <a:t>About the project</a:t>
            </a:r>
          </a:p>
        </p:txBody>
      </p:sp>
      <p:sp>
        <p:nvSpPr>
          <p:cNvPr id="47" name="Plassholder for innhold 2">
            <a:extLst>
              <a:ext uri="{FF2B5EF4-FFF2-40B4-BE49-F238E27FC236}">
                <a16:creationId xmlns:a16="http://schemas.microsoft.com/office/drawing/2014/main" id="{EF70380D-B785-2260-DA34-5A0F08A166A1}"/>
              </a:ext>
            </a:extLst>
          </p:cNvPr>
          <p:cNvSpPr>
            <a:spLocks noGrp="1"/>
          </p:cNvSpPr>
          <p:nvPr>
            <p:ph idx="38" hasCustomPrompt="1"/>
          </p:nvPr>
        </p:nvSpPr>
        <p:spPr>
          <a:xfrm>
            <a:off x="4254391" y="3530368"/>
            <a:ext cx="4275459" cy="2517090"/>
          </a:xfrm>
        </p:spPr>
        <p:txBody>
          <a:bodyPr>
            <a:noAutofit/>
          </a:bodyPr>
          <a:lstStyle>
            <a:lvl1pPr marL="0" indent="0">
              <a:spcBef>
                <a:spcPts val="600"/>
              </a:spcBef>
              <a:buFont typeface="Arial" panose="020B0604020202020204" pitchFamily="34" charset="0"/>
              <a:buNone/>
              <a:defRPr sz="1600">
                <a:solidFill>
                  <a:schemeClr val="bg2"/>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r>
              <a:rPr lang="nb-NO" dirty="0"/>
              <a:t>Klikk for å redigere tekst</a:t>
            </a:r>
          </a:p>
        </p:txBody>
      </p:sp>
      <p:sp>
        <p:nvSpPr>
          <p:cNvPr id="48" name="TekstSylinder 47">
            <a:extLst>
              <a:ext uri="{FF2B5EF4-FFF2-40B4-BE49-F238E27FC236}">
                <a16:creationId xmlns:a16="http://schemas.microsoft.com/office/drawing/2014/main" id="{DFBA4433-347B-C653-4B29-0ACED4147B80}"/>
              </a:ext>
            </a:extLst>
          </p:cNvPr>
          <p:cNvSpPr txBox="1"/>
          <p:nvPr userDrawn="1"/>
        </p:nvSpPr>
        <p:spPr>
          <a:xfrm>
            <a:off x="4254390" y="3283885"/>
            <a:ext cx="1771653" cy="276999"/>
          </a:xfrm>
          <a:prstGeom prst="rect">
            <a:avLst/>
          </a:prstGeom>
          <a:noFill/>
        </p:spPr>
        <p:txBody>
          <a:bodyPr wrap="square" rtlCol="0" anchor="ctr">
            <a:noAutofit/>
          </a:bodyPr>
          <a:lstStyle/>
          <a:p>
            <a:r>
              <a:rPr lang="en-GB" sz="1200" b="1" noProof="0" dirty="0">
                <a:solidFill>
                  <a:schemeClr val="bg2"/>
                </a:solidFill>
                <a:latin typeface="Aptos" panose="020B0004020202020204" pitchFamily="34" charset="0"/>
              </a:rPr>
              <a:t>Our scope of work</a:t>
            </a:r>
          </a:p>
        </p:txBody>
      </p:sp>
      <p:sp>
        <p:nvSpPr>
          <p:cNvPr id="49" name="Plassholder for bilde 8">
            <a:extLst>
              <a:ext uri="{FF2B5EF4-FFF2-40B4-BE49-F238E27FC236}">
                <a16:creationId xmlns:a16="http://schemas.microsoft.com/office/drawing/2014/main" id="{E6B259FB-2F43-455F-D46F-2A775D4E69B9}"/>
              </a:ext>
            </a:extLst>
          </p:cNvPr>
          <p:cNvSpPr>
            <a:spLocks noGrp="1"/>
          </p:cNvSpPr>
          <p:nvPr>
            <p:ph type="pic" sz="quarter" idx="39" hasCustomPrompt="1"/>
          </p:nvPr>
        </p:nvSpPr>
        <p:spPr>
          <a:xfrm>
            <a:off x="8720919" y="3350871"/>
            <a:ext cx="2647280" cy="2684168"/>
          </a:xfrm>
          <a:prstGeom prst="roundRect">
            <a:avLst>
              <a:gd name="adj" fmla="val 4964"/>
            </a:avLst>
          </a:prstGeom>
        </p:spPr>
        <p:txBody>
          <a:bodyPr anchor="ctr">
            <a:normAutofit/>
          </a:bodyPr>
          <a:lstStyle>
            <a:lvl1pPr marL="0" indent="0" algn="ctr">
              <a:buNone/>
              <a:defRPr sz="1600">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cxnSp>
        <p:nvCxnSpPr>
          <p:cNvPr id="53" name="Rett linje 52">
            <a:extLst>
              <a:ext uri="{FF2B5EF4-FFF2-40B4-BE49-F238E27FC236}">
                <a16:creationId xmlns:a16="http://schemas.microsoft.com/office/drawing/2014/main" id="{EE37323A-E9EE-C40A-5B8C-33D32D802C9F}"/>
              </a:ext>
            </a:extLst>
          </p:cNvPr>
          <p:cNvCxnSpPr>
            <a:cxnSpLocks/>
          </p:cNvCxnSpPr>
          <p:nvPr userDrawn="1"/>
        </p:nvCxnSpPr>
        <p:spPr>
          <a:xfrm>
            <a:off x="1807010" y="604746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71833320"/>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Referanse 2 (NOR)">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838200" y="1440000"/>
            <a:ext cx="7243119" cy="1386970"/>
          </a:xfrm>
        </p:spPr>
        <p:txBody>
          <a:bodyPr>
            <a:noAutofit/>
          </a:bodyPr>
          <a:lstStyle>
            <a:lvl1pPr marL="0" indent="0">
              <a:buFont typeface="Arial" panose="020B0604020202020204" pitchFamily="34" charset="0"/>
              <a:buNone/>
              <a:defRPr sz="1800">
                <a:solidFill>
                  <a:schemeClr val="bg2"/>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pic>
        <p:nvPicPr>
          <p:cNvPr id="6" name="Bilde 5">
            <a:extLst>
              <a:ext uri="{FF2B5EF4-FFF2-40B4-BE49-F238E27FC236}">
                <a16:creationId xmlns:a16="http://schemas.microsoft.com/office/drawing/2014/main" id="{207A6E7E-EE91-9F01-25F2-26042AC48241}"/>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10515600" cy="946800"/>
          </a:xfrm>
        </p:spPr>
        <p:txBody>
          <a:bodyPr anchor="t">
            <a:noAutofit/>
          </a:bodyPr>
          <a:lstStyle>
            <a:lvl1pPr>
              <a:defRPr>
                <a:solidFill>
                  <a:schemeClr val="bg2"/>
                </a:solidFill>
                <a:latin typeface="Aptos" panose="020B0004020202020204" pitchFamily="34" charset="0"/>
              </a:defRPr>
            </a:lvl1pPr>
          </a:lstStyle>
          <a:p>
            <a:r>
              <a:rPr lang="nb-NO"/>
              <a:t>Prosjektnavn</a:t>
            </a:r>
          </a:p>
        </p:txBody>
      </p:sp>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0" y="3032232"/>
            <a:ext cx="12192000" cy="3825767"/>
          </a:xfrm>
          <a:prstGeom prst="roundRect">
            <a:avLst>
              <a:gd name="adj" fmla="val 0"/>
            </a:avLst>
          </a:prstGeom>
        </p:spPr>
        <p:txBody>
          <a:bodyPr anchor="ctr">
            <a:normAutofit/>
          </a:bodyPr>
          <a:lstStyle>
            <a:lvl1pPr marL="0" indent="0" algn="ctr">
              <a:buNone/>
              <a:defRPr sz="2400">
                <a:latin typeface="Aptos" panose="020B0004020202020204" pitchFamily="34" charset="0"/>
              </a:defRPr>
            </a:lvl1pPr>
          </a:lstStyle>
          <a:p>
            <a:r>
              <a:rPr lang="nb-NO" dirty="0"/>
              <a:t>Klikk på ikonet for å legge til et bilde</a:t>
            </a:r>
          </a:p>
          <a:p>
            <a:r>
              <a:rPr lang="nb-NO" dirty="0"/>
              <a:t> </a:t>
            </a:r>
          </a:p>
        </p:txBody>
      </p:sp>
      <p:sp>
        <p:nvSpPr>
          <p:cNvPr id="15" name="TekstSylinder 14">
            <a:extLst>
              <a:ext uri="{FF2B5EF4-FFF2-40B4-BE49-F238E27FC236}">
                <a16:creationId xmlns:a16="http://schemas.microsoft.com/office/drawing/2014/main" id="{8CE52A38-E2EF-03A4-7DC1-E599D4BA0251}"/>
              </a:ext>
            </a:extLst>
          </p:cNvPr>
          <p:cNvSpPr txBox="1"/>
          <p:nvPr userDrawn="1"/>
        </p:nvSpPr>
        <p:spPr>
          <a:xfrm>
            <a:off x="8211636" y="1437617"/>
            <a:ext cx="1098000" cy="334800"/>
          </a:xfrm>
          <a:prstGeom prst="rect">
            <a:avLst/>
          </a:prstGeom>
          <a:noFill/>
        </p:spPr>
        <p:txBody>
          <a:bodyPr wrap="square" rtlCol="0" anchor="ctr">
            <a:noAutofit/>
          </a:bodyPr>
          <a:lstStyle/>
          <a:p>
            <a:r>
              <a:rPr lang="nb-NO" sz="1200" b="1" dirty="0">
                <a:solidFill>
                  <a:schemeClr val="bg2"/>
                </a:solidFill>
                <a:latin typeface="Aptos" panose="020B0004020202020204" pitchFamily="34" charset="0"/>
              </a:rPr>
              <a:t>Kunde</a:t>
            </a:r>
          </a:p>
        </p:txBody>
      </p:sp>
      <p:sp>
        <p:nvSpPr>
          <p:cNvPr id="16" name="TekstSylinder 15">
            <a:extLst>
              <a:ext uri="{FF2B5EF4-FFF2-40B4-BE49-F238E27FC236}">
                <a16:creationId xmlns:a16="http://schemas.microsoft.com/office/drawing/2014/main" id="{553DE9F8-B042-262C-8519-321F3B5E0B03}"/>
              </a:ext>
            </a:extLst>
          </p:cNvPr>
          <p:cNvSpPr txBox="1"/>
          <p:nvPr userDrawn="1"/>
        </p:nvSpPr>
        <p:spPr>
          <a:xfrm>
            <a:off x="8211636" y="1861410"/>
            <a:ext cx="1098000" cy="334800"/>
          </a:xfrm>
          <a:prstGeom prst="rect">
            <a:avLst/>
          </a:prstGeom>
          <a:noFill/>
        </p:spPr>
        <p:txBody>
          <a:bodyPr wrap="square" rtlCol="0" anchor="ctr">
            <a:noAutofit/>
          </a:bodyPr>
          <a:lstStyle/>
          <a:p>
            <a:r>
              <a:rPr lang="nb-NO" sz="1200" b="1">
                <a:solidFill>
                  <a:schemeClr val="bg2"/>
                </a:solidFill>
                <a:latin typeface="Aptos" panose="020B0004020202020204" pitchFamily="34" charset="0"/>
              </a:rPr>
              <a:t>Lokasjon</a:t>
            </a:r>
          </a:p>
        </p:txBody>
      </p:sp>
      <p:sp>
        <p:nvSpPr>
          <p:cNvPr id="17" name="TekstSylinder 16">
            <a:extLst>
              <a:ext uri="{FF2B5EF4-FFF2-40B4-BE49-F238E27FC236}">
                <a16:creationId xmlns:a16="http://schemas.microsoft.com/office/drawing/2014/main" id="{EC4DF47F-C1D9-6389-5278-382D8C6D6FC9}"/>
              </a:ext>
            </a:extLst>
          </p:cNvPr>
          <p:cNvSpPr txBox="1"/>
          <p:nvPr userDrawn="1"/>
        </p:nvSpPr>
        <p:spPr>
          <a:xfrm>
            <a:off x="8211636" y="2285204"/>
            <a:ext cx="1098000" cy="334800"/>
          </a:xfrm>
          <a:prstGeom prst="rect">
            <a:avLst/>
          </a:prstGeom>
          <a:noFill/>
        </p:spPr>
        <p:txBody>
          <a:bodyPr wrap="square" rtlCol="0" anchor="ctr">
            <a:noAutofit/>
          </a:bodyPr>
          <a:lstStyle/>
          <a:p>
            <a:r>
              <a:rPr lang="nb-NO" sz="1200" b="1">
                <a:solidFill>
                  <a:schemeClr val="bg2"/>
                </a:solidFill>
                <a:latin typeface="Aptos" panose="020B0004020202020204" pitchFamily="34" charset="0"/>
              </a:rPr>
              <a:t>Tidsperiode</a:t>
            </a:r>
          </a:p>
        </p:txBody>
      </p:sp>
      <p:sp>
        <p:nvSpPr>
          <p:cNvPr id="18" name="Plassholder for tekst 6">
            <a:extLst>
              <a:ext uri="{FF2B5EF4-FFF2-40B4-BE49-F238E27FC236}">
                <a16:creationId xmlns:a16="http://schemas.microsoft.com/office/drawing/2014/main" id="{F0A70BA6-B04B-5EDD-E931-4F238A049C1D}"/>
              </a:ext>
            </a:extLst>
          </p:cNvPr>
          <p:cNvSpPr>
            <a:spLocks noGrp="1"/>
          </p:cNvSpPr>
          <p:nvPr>
            <p:ph type="body" sz="quarter" idx="35" hasCustomPrompt="1"/>
          </p:nvPr>
        </p:nvSpPr>
        <p:spPr>
          <a:xfrm>
            <a:off x="9326940" y="1437617"/>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dirty="0"/>
              <a:t>Klikk for å legge til tekst	</a:t>
            </a:r>
          </a:p>
        </p:txBody>
      </p:sp>
      <p:sp>
        <p:nvSpPr>
          <p:cNvPr id="19" name="Plassholder for tekst 6">
            <a:extLst>
              <a:ext uri="{FF2B5EF4-FFF2-40B4-BE49-F238E27FC236}">
                <a16:creationId xmlns:a16="http://schemas.microsoft.com/office/drawing/2014/main" id="{4DD7287A-CFF7-4FBA-7166-3AA4D74FB221}"/>
              </a:ext>
            </a:extLst>
          </p:cNvPr>
          <p:cNvSpPr>
            <a:spLocks noGrp="1"/>
          </p:cNvSpPr>
          <p:nvPr>
            <p:ph type="body" sz="quarter" idx="36" hasCustomPrompt="1"/>
          </p:nvPr>
        </p:nvSpPr>
        <p:spPr>
          <a:xfrm>
            <a:off x="9326940" y="1861410"/>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sp>
        <p:nvSpPr>
          <p:cNvPr id="20" name="Plassholder for tekst 6">
            <a:extLst>
              <a:ext uri="{FF2B5EF4-FFF2-40B4-BE49-F238E27FC236}">
                <a16:creationId xmlns:a16="http://schemas.microsoft.com/office/drawing/2014/main" id="{B291BF4F-1CA1-C2AF-F33E-A5617C76DA3F}"/>
              </a:ext>
            </a:extLst>
          </p:cNvPr>
          <p:cNvSpPr>
            <a:spLocks noGrp="1"/>
          </p:cNvSpPr>
          <p:nvPr>
            <p:ph type="body" sz="quarter" idx="37" hasCustomPrompt="1"/>
          </p:nvPr>
        </p:nvSpPr>
        <p:spPr>
          <a:xfrm>
            <a:off x="9326940" y="2285204"/>
            <a:ext cx="2026860" cy="334800"/>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cxnSp>
        <p:nvCxnSpPr>
          <p:cNvPr id="26" name="Rett linje 25">
            <a:extLst>
              <a:ext uri="{FF2B5EF4-FFF2-40B4-BE49-F238E27FC236}">
                <a16:creationId xmlns:a16="http://schemas.microsoft.com/office/drawing/2014/main" id="{F5E072EB-6FCC-50C1-516A-538524734D9A}"/>
              </a:ext>
            </a:extLst>
          </p:cNvPr>
          <p:cNvCxnSpPr>
            <a:cxnSpLocks/>
          </p:cNvCxnSpPr>
          <p:nvPr userDrawn="1"/>
        </p:nvCxnSpPr>
        <p:spPr>
          <a:xfrm>
            <a:off x="9309426" y="1396522"/>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Rett linje 40">
            <a:extLst>
              <a:ext uri="{FF2B5EF4-FFF2-40B4-BE49-F238E27FC236}">
                <a16:creationId xmlns:a16="http://schemas.microsoft.com/office/drawing/2014/main" id="{2EB275D8-5351-4F3E-552B-2A3698B76831}"/>
              </a:ext>
            </a:extLst>
          </p:cNvPr>
          <p:cNvCxnSpPr>
            <a:cxnSpLocks/>
          </p:cNvCxnSpPr>
          <p:nvPr userDrawn="1"/>
        </p:nvCxnSpPr>
        <p:spPr>
          <a:xfrm>
            <a:off x="9309426" y="1815622"/>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Rett linje 41">
            <a:extLst>
              <a:ext uri="{FF2B5EF4-FFF2-40B4-BE49-F238E27FC236}">
                <a16:creationId xmlns:a16="http://schemas.microsoft.com/office/drawing/2014/main" id="{6FF298FB-F67D-4997-A807-D255AA72896F}"/>
              </a:ext>
            </a:extLst>
          </p:cNvPr>
          <p:cNvCxnSpPr>
            <a:cxnSpLocks/>
          </p:cNvCxnSpPr>
          <p:nvPr userDrawn="1"/>
        </p:nvCxnSpPr>
        <p:spPr>
          <a:xfrm>
            <a:off x="9309426" y="2244247"/>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3" name="Rett linje 52">
            <a:extLst>
              <a:ext uri="{FF2B5EF4-FFF2-40B4-BE49-F238E27FC236}">
                <a16:creationId xmlns:a16="http://schemas.microsoft.com/office/drawing/2014/main" id="{EE37323A-E9EE-C40A-5B8C-33D32D802C9F}"/>
              </a:ext>
            </a:extLst>
          </p:cNvPr>
          <p:cNvCxnSpPr>
            <a:cxnSpLocks/>
          </p:cNvCxnSpPr>
          <p:nvPr userDrawn="1"/>
        </p:nvCxnSpPr>
        <p:spPr>
          <a:xfrm>
            <a:off x="9309426" y="2656477"/>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7391528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Referanse 2 (ENG)">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838200" y="1440000"/>
            <a:ext cx="7243119" cy="1386970"/>
          </a:xfrm>
        </p:spPr>
        <p:txBody>
          <a:bodyPr>
            <a:noAutofit/>
          </a:bodyPr>
          <a:lstStyle>
            <a:lvl1pPr marL="0" indent="0">
              <a:buFont typeface="Arial" panose="020B0604020202020204" pitchFamily="34" charset="0"/>
              <a:buNone/>
              <a:defRPr sz="1800">
                <a:solidFill>
                  <a:schemeClr val="bg2"/>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pic>
        <p:nvPicPr>
          <p:cNvPr id="6" name="Bilde 5">
            <a:extLst>
              <a:ext uri="{FF2B5EF4-FFF2-40B4-BE49-F238E27FC236}">
                <a16:creationId xmlns:a16="http://schemas.microsoft.com/office/drawing/2014/main" id="{207A6E7E-EE91-9F01-25F2-26042AC48241}"/>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10515600" cy="946800"/>
          </a:xfrm>
        </p:spPr>
        <p:txBody>
          <a:bodyPr anchor="t">
            <a:noAutofit/>
          </a:bodyPr>
          <a:lstStyle>
            <a:lvl1pPr>
              <a:defRPr>
                <a:solidFill>
                  <a:schemeClr val="bg2"/>
                </a:solidFill>
                <a:latin typeface="Aptos" panose="020B0004020202020204" pitchFamily="34" charset="0"/>
              </a:defRPr>
            </a:lvl1pPr>
          </a:lstStyle>
          <a:p>
            <a:r>
              <a:rPr lang="nb-NO"/>
              <a:t>Prosjektnavn</a:t>
            </a:r>
          </a:p>
        </p:txBody>
      </p:sp>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0" y="3032232"/>
            <a:ext cx="12192000" cy="3825767"/>
          </a:xfrm>
          <a:prstGeom prst="roundRect">
            <a:avLst>
              <a:gd name="adj" fmla="val 0"/>
            </a:avLst>
          </a:prstGeom>
        </p:spPr>
        <p:txBody>
          <a:bodyPr anchor="ctr">
            <a:normAutofit/>
          </a:bodyPr>
          <a:lstStyle>
            <a:lvl1pPr marL="0" indent="0" algn="ctr">
              <a:buNone/>
              <a:defRPr sz="2400">
                <a:latin typeface="Aptos" panose="020B0004020202020204" pitchFamily="34" charset="0"/>
              </a:defRPr>
            </a:lvl1pPr>
          </a:lstStyle>
          <a:p>
            <a:r>
              <a:rPr lang="nb-NO" dirty="0"/>
              <a:t>Klikk på ikonet for å legge til et bilde</a:t>
            </a:r>
          </a:p>
          <a:p>
            <a:r>
              <a:rPr lang="nb-NO" dirty="0"/>
              <a:t> </a:t>
            </a:r>
          </a:p>
        </p:txBody>
      </p:sp>
      <p:sp>
        <p:nvSpPr>
          <p:cNvPr id="15" name="TekstSylinder 14">
            <a:extLst>
              <a:ext uri="{FF2B5EF4-FFF2-40B4-BE49-F238E27FC236}">
                <a16:creationId xmlns:a16="http://schemas.microsoft.com/office/drawing/2014/main" id="{8CE52A38-E2EF-03A4-7DC1-E599D4BA0251}"/>
              </a:ext>
            </a:extLst>
          </p:cNvPr>
          <p:cNvSpPr txBox="1"/>
          <p:nvPr userDrawn="1"/>
        </p:nvSpPr>
        <p:spPr>
          <a:xfrm>
            <a:off x="8211636" y="1437617"/>
            <a:ext cx="1098000" cy="334800"/>
          </a:xfrm>
          <a:prstGeom prst="rect">
            <a:avLst/>
          </a:prstGeom>
          <a:noFill/>
        </p:spPr>
        <p:txBody>
          <a:bodyPr wrap="square" rtlCol="0" anchor="ctr">
            <a:noAutofit/>
          </a:bodyPr>
          <a:lstStyle/>
          <a:p>
            <a:r>
              <a:rPr lang="en-GB" sz="1200" b="1" noProof="0" dirty="0">
                <a:solidFill>
                  <a:schemeClr val="bg2"/>
                </a:solidFill>
                <a:latin typeface="Aptos" panose="020B0004020202020204" pitchFamily="34" charset="0"/>
              </a:rPr>
              <a:t>Client</a:t>
            </a:r>
          </a:p>
        </p:txBody>
      </p:sp>
      <p:sp>
        <p:nvSpPr>
          <p:cNvPr id="16" name="TekstSylinder 15">
            <a:extLst>
              <a:ext uri="{FF2B5EF4-FFF2-40B4-BE49-F238E27FC236}">
                <a16:creationId xmlns:a16="http://schemas.microsoft.com/office/drawing/2014/main" id="{553DE9F8-B042-262C-8519-321F3B5E0B03}"/>
              </a:ext>
            </a:extLst>
          </p:cNvPr>
          <p:cNvSpPr txBox="1"/>
          <p:nvPr userDrawn="1"/>
        </p:nvSpPr>
        <p:spPr>
          <a:xfrm>
            <a:off x="8211636" y="1861410"/>
            <a:ext cx="1098000" cy="334800"/>
          </a:xfrm>
          <a:prstGeom prst="rect">
            <a:avLst/>
          </a:prstGeom>
          <a:noFill/>
        </p:spPr>
        <p:txBody>
          <a:bodyPr wrap="square" rtlCol="0" anchor="ctr">
            <a:noAutofit/>
          </a:bodyPr>
          <a:lstStyle/>
          <a:p>
            <a:r>
              <a:rPr lang="en-GB" sz="1200" b="1" noProof="0" dirty="0">
                <a:solidFill>
                  <a:schemeClr val="bg2"/>
                </a:solidFill>
                <a:latin typeface="Aptos" panose="020B0004020202020204" pitchFamily="34" charset="0"/>
              </a:rPr>
              <a:t>Location</a:t>
            </a:r>
          </a:p>
        </p:txBody>
      </p:sp>
      <p:sp>
        <p:nvSpPr>
          <p:cNvPr id="17" name="TekstSylinder 16">
            <a:extLst>
              <a:ext uri="{FF2B5EF4-FFF2-40B4-BE49-F238E27FC236}">
                <a16:creationId xmlns:a16="http://schemas.microsoft.com/office/drawing/2014/main" id="{EC4DF47F-C1D9-6389-5278-382D8C6D6FC9}"/>
              </a:ext>
            </a:extLst>
          </p:cNvPr>
          <p:cNvSpPr txBox="1"/>
          <p:nvPr userDrawn="1"/>
        </p:nvSpPr>
        <p:spPr>
          <a:xfrm>
            <a:off x="8211636" y="2285204"/>
            <a:ext cx="1098000" cy="334800"/>
          </a:xfrm>
          <a:prstGeom prst="rect">
            <a:avLst/>
          </a:prstGeom>
          <a:noFill/>
        </p:spPr>
        <p:txBody>
          <a:bodyPr wrap="square" rtlCol="0" anchor="ctr">
            <a:noAutofit/>
          </a:bodyPr>
          <a:lstStyle/>
          <a:p>
            <a:r>
              <a:rPr lang="en-GB" sz="1200" b="1" noProof="0" dirty="0">
                <a:solidFill>
                  <a:schemeClr val="bg2"/>
                </a:solidFill>
                <a:latin typeface="Aptos" panose="020B0004020202020204" pitchFamily="34" charset="0"/>
              </a:rPr>
              <a:t>Time period</a:t>
            </a:r>
          </a:p>
        </p:txBody>
      </p:sp>
      <p:sp>
        <p:nvSpPr>
          <p:cNvPr id="18" name="Plassholder for tekst 6">
            <a:extLst>
              <a:ext uri="{FF2B5EF4-FFF2-40B4-BE49-F238E27FC236}">
                <a16:creationId xmlns:a16="http://schemas.microsoft.com/office/drawing/2014/main" id="{F0A70BA6-B04B-5EDD-E931-4F238A049C1D}"/>
              </a:ext>
            </a:extLst>
          </p:cNvPr>
          <p:cNvSpPr>
            <a:spLocks noGrp="1"/>
          </p:cNvSpPr>
          <p:nvPr>
            <p:ph type="body" sz="quarter" idx="35" hasCustomPrompt="1"/>
          </p:nvPr>
        </p:nvSpPr>
        <p:spPr>
          <a:xfrm>
            <a:off x="9326940" y="1437617"/>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dirty="0"/>
              <a:t>Klikk for å legge til tekst	</a:t>
            </a:r>
          </a:p>
        </p:txBody>
      </p:sp>
      <p:sp>
        <p:nvSpPr>
          <p:cNvPr id="19" name="Plassholder for tekst 6">
            <a:extLst>
              <a:ext uri="{FF2B5EF4-FFF2-40B4-BE49-F238E27FC236}">
                <a16:creationId xmlns:a16="http://schemas.microsoft.com/office/drawing/2014/main" id="{4DD7287A-CFF7-4FBA-7166-3AA4D74FB221}"/>
              </a:ext>
            </a:extLst>
          </p:cNvPr>
          <p:cNvSpPr>
            <a:spLocks noGrp="1"/>
          </p:cNvSpPr>
          <p:nvPr>
            <p:ph type="body" sz="quarter" idx="36" hasCustomPrompt="1"/>
          </p:nvPr>
        </p:nvSpPr>
        <p:spPr>
          <a:xfrm>
            <a:off x="9326940" y="1861410"/>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sp>
        <p:nvSpPr>
          <p:cNvPr id="20" name="Plassholder for tekst 6">
            <a:extLst>
              <a:ext uri="{FF2B5EF4-FFF2-40B4-BE49-F238E27FC236}">
                <a16:creationId xmlns:a16="http://schemas.microsoft.com/office/drawing/2014/main" id="{B291BF4F-1CA1-C2AF-F33E-A5617C76DA3F}"/>
              </a:ext>
            </a:extLst>
          </p:cNvPr>
          <p:cNvSpPr>
            <a:spLocks noGrp="1"/>
          </p:cNvSpPr>
          <p:nvPr>
            <p:ph type="body" sz="quarter" idx="37" hasCustomPrompt="1"/>
          </p:nvPr>
        </p:nvSpPr>
        <p:spPr>
          <a:xfrm>
            <a:off x="9326940" y="2285204"/>
            <a:ext cx="2026860" cy="334800"/>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cxnSp>
        <p:nvCxnSpPr>
          <p:cNvPr id="26" name="Rett linje 25">
            <a:extLst>
              <a:ext uri="{FF2B5EF4-FFF2-40B4-BE49-F238E27FC236}">
                <a16:creationId xmlns:a16="http://schemas.microsoft.com/office/drawing/2014/main" id="{F5E072EB-6FCC-50C1-516A-538524734D9A}"/>
              </a:ext>
            </a:extLst>
          </p:cNvPr>
          <p:cNvCxnSpPr>
            <a:cxnSpLocks/>
          </p:cNvCxnSpPr>
          <p:nvPr userDrawn="1"/>
        </p:nvCxnSpPr>
        <p:spPr>
          <a:xfrm>
            <a:off x="9309426" y="1396522"/>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Rett linje 40">
            <a:extLst>
              <a:ext uri="{FF2B5EF4-FFF2-40B4-BE49-F238E27FC236}">
                <a16:creationId xmlns:a16="http://schemas.microsoft.com/office/drawing/2014/main" id="{2EB275D8-5351-4F3E-552B-2A3698B76831}"/>
              </a:ext>
            </a:extLst>
          </p:cNvPr>
          <p:cNvCxnSpPr>
            <a:cxnSpLocks/>
          </p:cNvCxnSpPr>
          <p:nvPr userDrawn="1"/>
        </p:nvCxnSpPr>
        <p:spPr>
          <a:xfrm>
            <a:off x="9309426" y="1815622"/>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Rett linje 41">
            <a:extLst>
              <a:ext uri="{FF2B5EF4-FFF2-40B4-BE49-F238E27FC236}">
                <a16:creationId xmlns:a16="http://schemas.microsoft.com/office/drawing/2014/main" id="{6FF298FB-F67D-4997-A807-D255AA72896F}"/>
              </a:ext>
            </a:extLst>
          </p:cNvPr>
          <p:cNvCxnSpPr>
            <a:cxnSpLocks/>
          </p:cNvCxnSpPr>
          <p:nvPr userDrawn="1"/>
        </p:nvCxnSpPr>
        <p:spPr>
          <a:xfrm>
            <a:off x="9309426" y="2244247"/>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3" name="Rett linje 52">
            <a:extLst>
              <a:ext uri="{FF2B5EF4-FFF2-40B4-BE49-F238E27FC236}">
                <a16:creationId xmlns:a16="http://schemas.microsoft.com/office/drawing/2014/main" id="{EE37323A-E9EE-C40A-5B8C-33D32D802C9F}"/>
              </a:ext>
            </a:extLst>
          </p:cNvPr>
          <p:cNvCxnSpPr>
            <a:cxnSpLocks/>
          </p:cNvCxnSpPr>
          <p:nvPr userDrawn="1"/>
        </p:nvCxnSpPr>
        <p:spPr>
          <a:xfrm>
            <a:off x="9309426" y="2656477"/>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111440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Referanse 3 (NOR)">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838200" y="1440000"/>
            <a:ext cx="5123934" cy="3166501"/>
          </a:xfrm>
        </p:spPr>
        <p:txBody>
          <a:bodyPr>
            <a:noAutofit/>
          </a:bodyPr>
          <a:lstStyle>
            <a:lvl1pPr marL="0" indent="0">
              <a:buFont typeface="Arial" panose="020B0604020202020204" pitchFamily="34" charset="0"/>
              <a:buNone/>
              <a:defRPr sz="1800">
                <a:solidFill>
                  <a:schemeClr val="bg2"/>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pic>
        <p:nvPicPr>
          <p:cNvPr id="6" name="Bilde 5">
            <a:extLst>
              <a:ext uri="{FF2B5EF4-FFF2-40B4-BE49-F238E27FC236}">
                <a16:creationId xmlns:a16="http://schemas.microsoft.com/office/drawing/2014/main" id="{207A6E7E-EE91-9F01-25F2-26042AC48241}"/>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5123935" cy="946800"/>
          </a:xfrm>
        </p:spPr>
        <p:txBody>
          <a:bodyPr anchor="t">
            <a:noAutofit/>
          </a:bodyPr>
          <a:lstStyle>
            <a:lvl1pPr>
              <a:defRPr>
                <a:solidFill>
                  <a:schemeClr val="bg2"/>
                </a:solidFill>
                <a:latin typeface="Aptos" panose="020B0004020202020204" pitchFamily="34" charset="0"/>
              </a:defRPr>
            </a:lvl1pPr>
          </a:lstStyle>
          <a:p>
            <a:r>
              <a:rPr lang="nb-NO"/>
              <a:t>Prosjektnavn</a:t>
            </a:r>
          </a:p>
        </p:txBody>
      </p:sp>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6096000" y="0"/>
            <a:ext cx="6096000" cy="6858000"/>
          </a:xfrm>
          <a:prstGeom prst="roundRect">
            <a:avLst>
              <a:gd name="adj" fmla="val 0"/>
            </a:avLst>
          </a:prstGeom>
        </p:spPr>
        <p:txBody>
          <a:bodyPr anchor="ctr">
            <a:normAutofit/>
          </a:bodyPr>
          <a:lstStyle>
            <a:lvl1pPr marL="0" indent="0" algn="ctr">
              <a:buNone/>
              <a:defRPr sz="2400">
                <a:latin typeface="Aptos" panose="020B0004020202020204" pitchFamily="34" charset="0"/>
              </a:defRPr>
            </a:lvl1pPr>
          </a:lstStyle>
          <a:p>
            <a:r>
              <a:rPr lang="nb-NO" dirty="0"/>
              <a:t>Klikk på ikonet for å legge til et bilde</a:t>
            </a:r>
          </a:p>
          <a:p>
            <a:r>
              <a:rPr lang="nb-NO" dirty="0"/>
              <a:t> </a:t>
            </a:r>
          </a:p>
        </p:txBody>
      </p:sp>
      <p:sp>
        <p:nvSpPr>
          <p:cNvPr id="3" name="TekstSylinder 14">
            <a:extLst>
              <a:ext uri="{FF2B5EF4-FFF2-40B4-BE49-F238E27FC236}">
                <a16:creationId xmlns:a16="http://schemas.microsoft.com/office/drawing/2014/main" id="{BF3BCEB8-29E3-EAC5-555B-85C88F475378}"/>
              </a:ext>
            </a:extLst>
          </p:cNvPr>
          <p:cNvSpPr txBox="1"/>
          <p:nvPr userDrawn="1"/>
        </p:nvSpPr>
        <p:spPr>
          <a:xfrm>
            <a:off x="838200" y="5028901"/>
            <a:ext cx="1098000" cy="334800"/>
          </a:xfrm>
          <a:prstGeom prst="rect">
            <a:avLst/>
          </a:prstGeom>
          <a:noFill/>
        </p:spPr>
        <p:txBody>
          <a:bodyPr wrap="square" rtlCol="0" anchor="ctr">
            <a:noAutofit/>
          </a:bodyPr>
          <a:lstStyle/>
          <a:p>
            <a:r>
              <a:rPr lang="nb-NO" sz="1200" b="1" dirty="0">
                <a:solidFill>
                  <a:schemeClr val="bg2"/>
                </a:solidFill>
                <a:latin typeface="Aptos" panose="020B0004020202020204" pitchFamily="34" charset="0"/>
              </a:rPr>
              <a:t>Kunde</a:t>
            </a:r>
          </a:p>
        </p:txBody>
      </p:sp>
      <p:sp>
        <p:nvSpPr>
          <p:cNvPr id="4" name="TekstSylinder 15">
            <a:extLst>
              <a:ext uri="{FF2B5EF4-FFF2-40B4-BE49-F238E27FC236}">
                <a16:creationId xmlns:a16="http://schemas.microsoft.com/office/drawing/2014/main" id="{87591440-A861-9F5B-EAB5-77511E29704E}"/>
              </a:ext>
            </a:extLst>
          </p:cNvPr>
          <p:cNvSpPr txBox="1"/>
          <p:nvPr userDrawn="1"/>
        </p:nvSpPr>
        <p:spPr>
          <a:xfrm>
            <a:off x="838200" y="5452694"/>
            <a:ext cx="1098000" cy="334800"/>
          </a:xfrm>
          <a:prstGeom prst="rect">
            <a:avLst/>
          </a:prstGeom>
          <a:noFill/>
        </p:spPr>
        <p:txBody>
          <a:bodyPr wrap="square" rtlCol="0" anchor="ctr">
            <a:noAutofit/>
          </a:bodyPr>
          <a:lstStyle/>
          <a:p>
            <a:r>
              <a:rPr lang="nb-NO" sz="1200" b="1">
                <a:solidFill>
                  <a:schemeClr val="bg2"/>
                </a:solidFill>
                <a:latin typeface="Aptos" panose="020B0004020202020204" pitchFamily="34" charset="0"/>
              </a:rPr>
              <a:t>Lokasjon</a:t>
            </a:r>
          </a:p>
        </p:txBody>
      </p:sp>
      <p:sp>
        <p:nvSpPr>
          <p:cNvPr id="5" name="TekstSylinder 16">
            <a:extLst>
              <a:ext uri="{FF2B5EF4-FFF2-40B4-BE49-F238E27FC236}">
                <a16:creationId xmlns:a16="http://schemas.microsoft.com/office/drawing/2014/main" id="{F290C593-FF37-FD90-83D7-B9B587809C04}"/>
              </a:ext>
            </a:extLst>
          </p:cNvPr>
          <p:cNvSpPr txBox="1"/>
          <p:nvPr userDrawn="1"/>
        </p:nvSpPr>
        <p:spPr>
          <a:xfrm>
            <a:off x="838200" y="5876488"/>
            <a:ext cx="1098000" cy="334800"/>
          </a:xfrm>
          <a:prstGeom prst="rect">
            <a:avLst/>
          </a:prstGeom>
          <a:noFill/>
        </p:spPr>
        <p:txBody>
          <a:bodyPr wrap="square" rtlCol="0" anchor="ctr">
            <a:noAutofit/>
          </a:bodyPr>
          <a:lstStyle/>
          <a:p>
            <a:r>
              <a:rPr lang="nb-NO" sz="1200" b="1">
                <a:solidFill>
                  <a:schemeClr val="bg2"/>
                </a:solidFill>
                <a:latin typeface="Aptos" panose="020B0004020202020204" pitchFamily="34" charset="0"/>
              </a:rPr>
              <a:t>Tidsperiode</a:t>
            </a:r>
          </a:p>
        </p:txBody>
      </p:sp>
      <p:sp>
        <p:nvSpPr>
          <p:cNvPr id="8" name="Plassholder for tekst 6">
            <a:extLst>
              <a:ext uri="{FF2B5EF4-FFF2-40B4-BE49-F238E27FC236}">
                <a16:creationId xmlns:a16="http://schemas.microsoft.com/office/drawing/2014/main" id="{2CB9C692-40C2-353B-B7F0-F89CB66B8B56}"/>
              </a:ext>
            </a:extLst>
          </p:cNvPr>
          <p:cNvSpPr>
            <a:spLocks noGrp="1"/>
          </p:cNvSpPr>
          <p:nvPr>
            <p:ph type="body" sz="quarter" idx="35" hasCustomPrompt="1"/>
          </p:nvPr>
        </p:nvSpPr>
        <p:spPr>
          <a:xfrm>
            <a:off x="1953504" y="5028901"/>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dirty="0"/>
              <a:t>Klikk for å legge til tekst	</a:t>
            </a:r>
          </a:p>
        </p:txBody>
      </p:sp>
      <p:sp>
        <p:nvSpPr>
          <p:cNvPr id="9" name="Plassholder for tekst 6">
            <a:extLst>
              <a:ext uri="{FF2B5EF4-FFF2-40B4-BE49-F238E27FC236}">
                <a16:creationId xmlns:a16="http://schemas.microsoft.com/office/drawing/2014/main" id="{0D801485-4696-4F7F-7E85-5441F2ABCE74}"/>
              </a:ext>
            </a:extLst>
          </p:cNvPr>
          <p:cNvSpPr>
            <a:spLocks noGrp="1"/>
          </p:cNvSpPr>
          <p:nvPr>
            <p:ph type="body" sz="quarter" idx="36" hasCustomPrompt="1"/>
          </p:nvPr>
        </p:nvSpPr>
        <p:spPr>
          <a:xfrm>
            <a:off x="1953504" y="5452694"/>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sp>
        <p:nvSpPr>
          <p:cNvPr id="10" name="Plassholder for tekst 6">
            <a:extLst>
              <a:ext uri="{FF2B5EF4-FFF2-40B4-BE49-F238E27FC236}">
                <a16:creationId xmlns:a16="http://schemas.microsoft.com/office/drawing/2014/main" id="{0A3CF51F-CE91-C97C-7EA4-E7186D9AF5F3}"/>
              </a:ext>
            </a:extLst>
          </p:cNvPr>
          <p:cNvSpPr>
            <a:spLocks noGrp="1"/>
          </p:cNvSpPr>
          <p:nvPr>
            <p:ph type="body" sz="quarter" idx="37" hasCustomPrompt="1"/>
          </p:nvPr>
        </p:nvSpPr>
        <p:spPr>
          <a:xfrm>
            <a:off x="1953504" y="5876488"/>
            <a:ext cx="2026860" cy="334800"/>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cxnSp>
        <p:nvCxnSpPr>
          <p:cNvPr id="12" name="Rett linje 25">
            <a:extLst>
              <a:ext uri="{FF2B5EF4-FFF2-40B4-BE49-F238E27FC236}">
                <a16:creationId xmlns:a16="http://schemas.microsoft.com/office/drawing/2014/main" id="{9A9D6382-080C-9F68-FF7E-54B2C77ABB8D}"/>
              </a:ext>
            </a:extLst>
          </p:cNvPr>
          <p:cNvCxnSpPr>
            <a:cxnSpLocks/>
          </p:cNvCxnSpPr>
          <p:nvPr userDrawn="1"/>
        </p:nvCxnSpPr>
        <p:spPr>
          <a:xfrm>
            <a:off x="1935990" y="49878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3" name="Rett linje 40">
            <a:extLst>
              <a:ext uri="{FF2B5EF4-FFF2-40B4-BE49-F238E27FC236}">
                <a16:creationId xmlns:a16="http://schemas.microsoft.com/office/drawing/2014/main" id="{FA0B4AAF-2891-1DFD-6DC7-5A62CC0C84AA}"/>
              </a:ext>
            </a:extLst>
          </p:cNvPr>
          <p:cNvCxnSpPr>
            <a:cxnSpLocks/>
          </p:cNvCxnSpPr>
          <p:nvPr userDrawn="1"/>
        </p:nvCxnSpPr>
        <p:spPr>
          <a:xfrm>
            <a:off x="1935990" y="54069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4" name="Rett linje 41">
            <a:extLst>
              <a:ext uri="{FF2B5EF4-FFF2-40B4-BE49-F238E27FC236}">
                <a16:creationId xmlns:a16="http://schemas.microsoft.com/office/drawing/2014/main" id="{F749D22B-869E-D148-CFF8-1CFE43D9B9DE}"/>
              </a:ext>
            </a:extLst>
          </p:cNvPr>
          <p:cNvCxnSpPr>
            <a:cxnSpLocks/>
          </p:cNvCxnSpPr>
          <p:nvPr userDrawn="1"/>
        </p:nvCxnSpPr>
        <p:spPr>
          <a:xfrm>
            <a:off x="1935990" y="583553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5" name="Rett linje 52">
            <a:extLst>
              <a:ext uri="{FF2B5EF4-FFF2-40B4-BE49-F238E27FC236}">
                <a16:creationId xmlns:a16="http://schemas.microsoft.com/office/drawing/2014/main" id="{31B24B6F-7EBB-1624-56D1-6F084AD78259}"/>
              </a:ext>
            </a:extLst>
          </p:cNvPr>
          <p:cNvCxnSpPr>
            <a:cxnSpLocks/>
          </p:cNvCxnSpPr>
          <p:nvPr userDrawn="1"/>
        </p:nvCxnSpPr>
        <p:spPr>
          <a:xfrm>
            <a:off x="1935990" y="624776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49485298"/>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Referanse 3 (ENG)">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838200" y="1440000"/>
            <a:ext cx="5123934" cy="3166501"/>
          </a:xfrm>
        </p:spPr>
        <p:txBody>
          <a:bodyPr>
            <a:noAutofit/>
          </a:bodyPr>
          <a:lstStyle>
            <a:lvl1pPr marL="0" indent="0">
              <a:buFont typeface="Arial" panose="020B0604020202020204" pitchFamily="34" charset="0"/>
              <a:buNone/>
              <a:defRPr sz="1800">
                <a:solidFill>
                  <a:schemeClr val="bg2"/>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pic>
        <p:nvPicPr>
          <p:cNvPr id="6" name="Bilde 5">
            <a:extLst>
              <a:ext uri="{FF2B5EF4-FFF2-40B4-BE49-F238E27FC236}">
                <a16:creationId xmlns:a16="http://schemas.microsoft.com/office/drawing/2014/main" id="{207A6E7E-EE91-9F01-25F2-26042AC48241}"/>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5123935" cy="946800"/>
          </a:xfrm>
        </p:spPr>
        <p:txBody>
          <a:bodyPr anchor="t">
            <a:noAutofit/>
          </a:bodyPr>
          <a:lstStyle>
            <a:lvl1pPr>
              <a:defRPr>
                <a:solidFill>
                  <a:schemeClr val="bg2"/>
                </a:solidFill>
                <a:latin typeface="Aptos" panose="020B0004020202020204" pitchFamily="34" charset="0"/>
              </a:defRPr>
            </a:lvl1pPr>
          </a:lstStyle>
          <a:p>
            <a:r>
              <a:rPr lang="nb-NO"/>
              <a:t>Prosjektnavn</a:t>
            </a:r>
          </a:p>
        </p:txBody>
      </p:sp>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6096000" y="0"/>
            <a:ext cx="6096000" cy="6858000"/>
          </a:xfrm>
          <a:prstGeom prst="roundRect">
            <a:avLst>
              <a:gd name="adj" fmla="val 0"/>
            </a:avLst>
          </a:prstGeom>
        </p:spPr>
        <p:txBody>
          <a:bodyPr anchor="ctr">
            <a:normAutofit/>
          </a:bodyPr>
          <a:lstStyle>
            <a:lvl1pPr marL="0" indent="0" algn="ctr">
              <a:buNone/>
              <a:defRPr sz="2400">
                <a:latin typeface="Aptos" panose="020B0004020202020204" pitchFamily="34" charset="0"/>
              </a:defRPr>
            </a:lvl1pPr>
          </a:lstStyle>
          <a:p>
            <a:r>
              <a:rPr lang="nb-NO" dirty="0"/>
              <a:t>Klikk på ikonet for å legge til et bilde</a:t>
            </a:r>
          </a:p>
          <a:p>
            <a:r>
              <a:rPr lang="nb-NO" dirty="0"/>
              <a:t> </a:t>
            </a:r>
          </a:p>
        </p:txBody>
      </p:sp>
      <p:sp>
        <p:nvSpPr>
          <p:cNvPr id="3" name="TekstSylinder 14">
            <a:extLst>
              <a:ext uri="{FF2B5EF4-FFF2-40B4-BE49-F238E27FC236}">
                <a16:creationId xmlns:a16="http://schemas.microsoft.com/office/drawing/2014/main" id="{BF3BCEB8-29E3-EAC5-555B-85C88F475378}"/>
              </a:ext>
            </a:extLst>
          </p:cNvPr>
          <p:cNvSpPr txBox="1"/>
          <p:nvPr userDrawn="1"/>
        </p:nvSpPr>
        <p:spPr>
          <a:xfrm>
            <a:off x="838200" y="5028901"/>
            <a:ext cx="1098000" cy="334800"/>
          </a:xfrm>
          <a:prstGeom prst="rect">
            <a:avLst/>
          </a:prstGeom>
          <a:noFill/>
        </p:spPr>
        <p:txBody>
          <a:bodyPr wrap="square" rtlCol="0" anchor="ctr">
            <a:noAutofit/>
          </a:bodyPr>
          <a:lstStyle/>
          <a:p>
            <a:r>
              <a:rPr lang="en-GB" sz="1200" b="1" noProof="0" dirty="0">
                <a:solidFill>
                  <a:schemeClr val="bg2"/>
                </a:solidFill>
                <a:latin typeface="Aptos" panose="020B0004020202020204" pitchFamily="34" charset="0"/>
              </a:rPr>
              <a:t>Client</a:t>
            </a:r>
          </a:p>
        </p:txBody>
      </p:sp>
      <p:sp>
        <p:nvSpPr>
          <p:cNvPr id="4" name="TekstSylinder 15">
            <a:extLst>
              <a:ext uri="{FF2B5EF4-FFF2-40B4-BE49-F238E27FC236}">
                <a16:creationId xmlns:a16="http://schemas.microsoft.com/office/drawing/2014/main" id="{87591440-A861-9F5B-EAB5-77511E29704E}"/>
              </a:ext>
            </a:extLst>
          </p:cNvPr>
          <p:cNvSpPr txBox="1"/>
          <p:nvPr userDrawn="1"/>
        </p:nvSpPr>
        <p:spPr>
          <a:xfrm>
            <a:off x="838200" y="5452694"/>
            <a:ext cx="1098000" cy="334800"/>
          </a:xfrm>
          <a:prstGeom prst="rect">
            <a:avLst/>
          </a:prstGeom>
          <a:noFill/>
        </p:spPr>
        <p:txBody>
          <a:bodyPr wrap="square" rtlCol="0" anchor="ctr">
            <a:noAutofit/>
          </a:bodyPr>
          <a:lstStyle/>
          <a:p>
            <a:r>
              <a:rPr lang="en-GB" sz="1200" b="1" noProof="0" dirty="0">
                <a:solidFill>
                  <a:schemeClr val="bg2"/>
                </a:solidFill>
                <a:latin typeface="Aptos" panose="020B0004020202020204" pitchFamily="34" charset="0"/>
              </a:rPr>
              <a:t>Location</a:t>
            </a:r>
          </a:p>
        </p:txBody>
      </p:sp>
      <p:sp>
        <p:nvSpPr>
          <p:cNvPr id="5" name="TekstSylinder 16">
            <a:extLst>
              <a:ext uri="{FF2B5EF4-FFF2-40B4-BE49-F238E27FC236}">
                <a16:creationId xmlns:a16="http://schemas.microsoft.com/office/drawing/2014/main" id="{F290C593-FF37-FD90-83D7-B9B587809C04}"/>
              </a:ext>
            </a:extLst>
          </p:cNvPr>
          <p:cNvSpPr txBox="1"/>
          <p:nvPr userDrawn="1"/>
        </p:nvSpPr>
        <p:spPr>
          <a:xfrm>
            <a:off x="838200" y="5876488"/>
            <a:ext cx="1098000" cy="334800"/>
          </a:xfrm>
          <a:prstGeom prst="rect">
            <a:avLst/>
          </a:prstGeom>
          <a:noFill/>
        </p:spPr>
        <p:txBody>
          <a:bodyPr wrap="square" rtlCol="0" anchor="ctr">
            <a:noAutofit/>
          </a:bodyPr>
          <a:lstStyle/>
          <a:p>
            <a:r>
              <a:rPr lang="en-GB" sz="1200" b="1" noProof="0" dirty="0">
                <a:solidFill>
                  <a:schemeClr val="bg2"/>
                </a:solidFill>
                <a:latin typeface="Aptos" panose="020B0004020202020204" pitchFamily="34" charset="0"/>
              </a:rPr>
              <a:t>Time period</a:t>
            </a:r>
          </a:p>
        </p:txBody>
      </p:sp>
      <p:sp>
        <p:nvSpPr>
          <p:cNvPr id="8" name="Plassholder for tekst 6">
            <a:extLst>
              <a:ext uri="{FF2B5EF4-FFF2-40B4-BE49-F238E27FC236}">
                <a16:creationId xmlns:a16="http://schemas.microsoft.com/office/drawing/2014/main" id="{2CB9C692-40C2-353B-B7F0-F89CB66B8B56}"/>
              </a:ext>
            </a:extLst>
          </p:cNvPr>
          <p:cNvSpPr>
            <a:spLocks noGrp="1"/>
          </p:cNvSpPr>
          <p:nvPr>
            <p:ph type="body" sz="quarter" idx="35" hasCustomPrompt="1"/>
          </p:nvPr>
        </p:nvSpPr>
        <p:spPr>
          <a:xfrm>
            <a:off x="1953504" y="5028901"/>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dirty="0"/>
              <a:t>Klikk for å legge til tekst	</a:t>
            </a:r>
          </a:p>
        </p:txBody>
      </p:sp>
      <p:sp>
        <p:nvSpPr>
          <p:cNvPr id="9" name="Plassholder for tekst 6">
            <a:extLst>
              <a:ext uri="{FF2B5EF4-FFF2-40B4-BE49-F238E27FC236}">
                <a16:creationId xmlns:a16="http://schemas.microsoft.com/office/drawing/2014/main" id="{0D801485-4696-4F7F-7E85-5441F2ABCE74}"/>
              </a:ext>
            </a:extLst>
          </p:cNvPr>
          <p:cNvSpPr>
            <a:spLocks noGrp="1"/>
          </p:cNvSpPr>
          <p:nvPr>
            <p:ph type="body" sz="quarter" idx="36" hasCustomPrompt="1"/>
          </p:nvPr>
        </p:nvSpPr>
        <p:spPr>
          <a:xfrm>
            <a:off x="1953504" y="5452694"/>
            <a:ext cx="2026860" cy="335425"/>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sp>
        <p:nvSpPr>
          <p:cNvPr id="10" name="Plassholder for tekst 6">
            <a:extLst>
              <a:ext uri="{FF2B5EF4-FFF2-40B4-BE49-F238E27FC236}">
                <a16:creationId xmlns:a16="http://schemas.microsoft.com/office/drawing/2014/main" id="{0A3CF51F-CE91-C97C-7EA4-E7186D9AF5F3}"/>
              </a:ext>
            </a:extLst>
          </p:cNvPr>
          <p:cNvSpPr>
            <a:spLocks noGrp="1"/>
          </p:cNvSpPr>
          <p:nvPr>
            <p:ph type="body" sz="quarter" idx="37" hasCustomPrompt="1"/>
          </p:nvPr>
        </p:nvSpPr>
        <p:spPr>
          <a:xfrm>
            <a:off x="1953504" y="5876488"/>
            <a:ext cx="2026860" cy="334800"/>
          </a:xfrm>
        </p:spPr>
        <p:txBody>
          <a:bodyPr anchor="ctr">
            <a:noAutofit/>
          </a:bodyPr>
          <a:lstStyle>
            <a:lvl1pPr marL="0" indent="0">
              <a:buNone/>
              <a:defRPr sz="1200">
                <a:solidFill>
                  <a:schemeClr val="bg2"/>
                </a:solidFill>
                <a:latin typeface="Aptos" panose="020B0004020202020204" pitchFamily="34" charset="0"/>
              </a:defRPr>
            </a:lvl1pPr>
          </a:lstStyle>
          <a:p>
            <a:pPr lvl="0"/>
            <a:r>
              <a:rPr lang="nb-NO"/>
              <a:t>Klikk for å legge til tekst	</a:t>
            </a:r>
          </a:p>
        </p:txBody>
      </p:sp>
      <p:cxnSp>
        <p:nvCxnSpPr>
          <p:cNvPr id="12" name="Rett linje 25">
            <a:extLst>
              <a:ext uri="{FF2B5EF4-FFF2-40B4-BE49-F238E27FC236}">
                <a16:creationId xmlns:a16="http://schemas.microsoft.com/office/drawing/2014/main" id="{9A9D6382-080C-9F68-FF7E-54B2C77ABB8D}"/>
              </a:ext>
            </a:extLst>
          </p:cNvPr>
          <p:cNvCxnSpPr>
            <a:cxnSpLocks/>
          </p:cNvCxnSpPr>
          <p:nvPr userDrawn="1"/>
        </p:nvCxnSpPr>
        <p:spPr>
          <a:xfrm>
            <a:off x="1935990" y="49878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3" name="Rett linje 40">
            <a:extLst>
              <a:ext uri="{FF2B5EF4-FFF2-40B4-BE49-F238E27FC236}">
                <a16:creationId xmlns:a16="http://schemas.microsoft.com/office/drawing/2014/main" id="{FA0B4AAF-2891-1DFD-6DC7-5A62CC0C84AA}"/>
              </a:ext>
            </a:extLst>
          </p:cNvPr>
          <p:cNvCxnSpPr>
            <a:cxnSpLocks/>
          </p:cNvCxnSpPr>
          <p:nvPr userDrawn="1"/>
        </p:nvCxnSpPr>
        <p:spPr>
          <a:xfrm>
            <a:off x="1935990" y="54069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4" name="Rett linje 41">
            <a:extLst>
              <a:ext uri="{FF2B5EF4-FFF2-40B4-BE49-F238E27FC236}">
                <a16:creationId xmlns:a16="http://schemas.microsoft.com/office/drawing/2014/main" id="{F749D22B-869E-D148-CFF8-1CFE43D9B9DE}"/>
              </a:ext>
            </a:extLst>
          </p:cNvPr>
          <p:cNvCxnSpPr>
            <a:cxnSpLocks/>
          </p:cNvCxnSpPr>
          <p:nvPr userDrawn="1"/>
        </p:nvCxnSpPr>
        <p:spPr>
          <a:xfrm>
            <a:off x="1935990" y="583553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5" name="Rett linje 52">
            <a:extLst>
              <a:ext uri="{FF2B5EF4-FFF2-40B4-BE49-F238E27FC236}">
                <a16:creationId xmlns:a16="http://schemas.microsoft.com/office/drawing/2014/main" id="{31B24B6F-7EBB-1624-56D1-6F084AD78259}"/>
              </a:ext>
            </a:extLst>
          </p:cNvPr>
          <p:cNvCxnSpPr>
            <a:cxnSpLocks/>
          </p:cNvCxnSpPr>
          <p:nvPr userDrawn="1"/>
        </p:nvCxnSpPr>
        <p:spPr>
          <a:xfrm>
            <a:off x="1935990" y="624776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0180659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Foredragsholder">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207A6E7E-EE91-9F01-25F2-26042AC48241}"/>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7" name="Tittel 1">
            <a:extLst>
              <a:ext uri="{FF2B5EF4-FFF2-40B4-BE49-F238E27FC236}">
                <a16:creationId xmlns:a16="http://schemas.microsoft.com/office/drawing/2014/main" id="{C6CA6EF6-969E-32D2-F3C2-44B99BFE0F05}"/>
              </a:ext>
            </a:extLst>
          </p:cNvPr>
          <p:cNvSpPr>
            <a:spLocks noGrp="1"/>
          </p:cNvSpPr>
          <p:nvPr>
            <p:ph type="title" hasCustomPrompt="1"/>
          </p:nvPr>
        </p:nvSpPr>
        <p:spPr>
          <a:xfrm>
            <a:off x="838200" y="416371"/>
            <a:ext cx="10515600" cy="946800"/>
          </a:xfrm>
        </p:spPr>
        <p:txBody>
          <a:bodyPr anchor="t">
            <a:noAutofit/>
          </a:bodyPr>
          <a:lstStyle>
            <a:lvl1pPr>
              <a:defRPr>
                <a:solidFill>
                  <a:schemeClr val="bg2"/>
                </a:solidFill>
                <a:latin typeface="Aptos" panose="020B0004020202020204" pitchFamily="34" charset="0"/>
              </a:defRPr>
            </a:lvl1pPr>
          </a:lstStyle>
          <a:p>
            <a:r>
              <a:rPr lang="nb-NO" dirty="0"/>
              <a:t>Om foredragsholder</a:t>
            </a:r>
          </a:p>
        </p:txBody>
      </p:sp>
      <p:sp>
        <p:nvSpPr>
          <p:cNvPr id="8" name="Plassholder for bilde 8">
            <a:extLst>
              <a:ext uri="{FF2B5EF4-FFF2-40B4-BE49-F238E27FC236}">
                <a16:creationId xmlns:a16="http://schemas.microsoft.com/office/drawing/2014/main" id="{295FE7D5-DCFA-A2F7-3868-C1754FB29B4A}"/>
              </a:ext>
            </a:extLst>
          </p:cNvPr>
          <p:cNvSpPr>
            <a:spLocks noGrp="1"/>
          </p:cNvSpPr>
          <p:nvPr>
            <p:ph type="pic" sz="quarter" idx="11" hasCustomPrompt="1"/>
          </p:nvPr>
        </p:nvSpPr>
        <p:spPr>
          <a:xfrm>
            <a:off x="838200" y="1442545"/>
            <a:ext cx="3019926" cy="3136214"/>
          </a:xfrm>
          <a:prstGeom prst="roundRect">
            <a:avLst>
              <a:gd name="adj" fmla="val 4964"/>
            </a:avLst>
          </a:prstGeom>
          <a:noFill/>
        </p:spPr>
        <p:txBody>
          <a:bodyPr anchor="ctr">
            <a:normAutofit/>
          </a:bodyPr>
          <a:lstStyle>
            <a:lvl1pPr marL="0" indent="0" algn="ctr">
              <a:buNone/>
              <a:defRPr sz="1600">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sp>
        <p:nvSpPr>
          <p:cNvPr id="9" name="Plassholder for innhold 3">
            <a:extLst>
              <a:ext uri="{FF2B5EF4-FFF2-40B4-BE49-F238E27FC236}">
                <a16:creationId xmlns:a16="http://schemas.microsoft.com/office/drawing/2014/main" id="{9CA5ED19-FC3C-3A32-5BF7-324A4D3A1693}"/>
              </a:ext>
            </a:extLst>
          </p:cNvPr>
          <p:cNvSpPr>
            <a:spLocks noGrp="1"/>
          </p:cNvSpPr>
          <p:nvPr>
            <p:ph sz="half" idx="2" hasCustomPrompt="1"/>
          </p:nvPr>
        </p:nvSpPr>
        <p:spPr>
          <a:xfrm>
            <a:off x="4339988" y="1442545"/>
            <a:ext cx="7013814" cy="4604901"/>
          </a:xfrm>
        </p:spPr>
        <p:txBody>
          <a:bodyPr>
            <a:noAutofit/>
          </a:bodyPr>
          <a:lstStyle>
            <a:lvl1pPr marL="342900" indent="-342900">
              <a:buFont typeface="Arial" panose="020B0604020202020204" pitchFamily="34" charset="0"/>
              <a:buChar char="•"/>
              <a:defRPr>
                <a:solidFill>
                  <a:schemeClr val="bg2"/>
                </a:solidFill>
                <a:latin typeface="Aptos" panose="020B0004020202020204" pitchFamily="34" charset="0"/>
              </a:defRPr>
            </a:lvl1pPr>
            <a:lvl2pPr>
              <a:defRPr>
                <a:solidFill>
                  <a:schemeClr val="bg2"/>
                </a:solidFill>
                <a:latin typeface="Aptos" panose="020B0004020202020204" pitchFamily="34" charset="0"/>
              </a:defRPr>
            </a:lvl2pPr>
            <a:lvl3pPr>
              <a:defRPr>
                <a:solidFill>
                  <a:schemeClr val="bg2"/>
                </a:solidFill>
                <a:latin typeface="Aptos" panose="020B0004020202020204" pitchFamily="34" charset="0"/>
              </a:defRPr>
            </a:lvl3pPr>
            <a:lvl4pPr>
              <a:defRPr>
                <a:solidFill>
                  <a:schemeClr val="bg2"/>
                </a:solidFill>
                <a:latin typeface="Aptos" panose="020B0004020202020204" pitchFamily="34" charset="0"/>
              </a:defRPr>
            </a:lvl4pPr>
            <a:lvl5pPr>
              <a:defRPr>
                <a:solidFill>
                  <a:schemeClr val="bg2"/>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sp>
        <p:nvSpPr>
          <p:cNvPr id="15" name="Plassholder for tekst 6">
            <a:extLst>
              <a:ext uri="{FF2B5EF4-FFF2-40B4-BE49-F238E27FC236}">
                <a16:creationId xmlns:a16="http://schemas.microsoft.com/office/drawing/2014/main" id="{9D160BB7-D4F8-62A8-A097-3948333F3D5A}"/>
              </a:ext>
            </a:extLst>
          </p:cNvPr>
          <p:cNvSpPr>
            <a:spLocks noGrp="1"/>
          </p:cNvSpPr>
          <p:nvPr>
            <p:ph type="body" sz="quarter" idx="36" hasCustomPrompt="1"/>
          </p:nvPr>
        </p:nvSpPr>
        <p:spPr>
          <a:xfrm>
            <a:off x="838200" y="5201836"/>
            <a:ext cx="3019926" cy="845610"/>
          </a:xfrm>
        </p:spPr>
        <p:txBody>
          <a:bodyPr anchor="t">
            <a:noAutofit/>
          </a:bodyPr>
          <a:lstStyle>
            <a:lvl1pPr marL="0" indent="0">
              <a:buNone/>
              <a:defRPr sz="1200">
                <a:solidFill>
                  <a:schemeClr val="bg2"/>
                </a:solidFill>
                <a:latin typeface="Aptos" panose="020B0004020202020204" pitchFamily="34" charset="0"/>
              </a:defRPr>
            </a:lvl1pPr>
          </a:lstStyle>
          <a:p>
            <a:pPr lvl="0"/>
            <a:r>
              <a:rPr lang="nb-NO" dirty="0"/>
              <a:t>Klikk for å legge til tekst	</a:t>
            </a:r>
          </a:p>
        </p:txBody>
      </p:sp>
      <p:sp>
        <p:nvSpPr>
          <p:cNvPr id="26" name="Plassholder for tekst 6">
            <a:extLst>
              <a:ext uri="{FF2B5EF4-FFF2-40B4-BE49-F238E27FC236}">
                <a16:creationId xmlns:a16="http://schemas.microsoft.com/office/drawing/2014/main" id="{5704CB11-B115-1235-25B3-997F3526E540}"/>
              </a:ext>
            </a:extLst>
          </p:cNvPr>
          <p:cNvSpPr>
            <a:spLocks noGrp="1"/>
          </p:cNvSpPr>
          <p:nvPr>
            <p:ph type="body" sz="quarter" idx="37" hasCustomPrompt="1"/>
          </p:nvPr>
        </p:nvSpPr>
        <p:spPr>
          <a:xfrm>
            <a:off x="838200" y="4887938"/>
            <a:ext cx="3019926" cy="313898"/>
          </a:xfrm>
        </p:spPr>
        <p:txBody>
          <a:bodyPr anchor="t">
            <a:noAutofit/>
          </a:bodyPr>
          <a:lstStyle>
            <a:lvl1pPr marL="0" indent="0">
              <a:buNone/>
              <a:defRPr sz="1600" b="1">
                <a:solidFill>
                  <a:schemeClr val="bg2"/>
                </a:solidFill>
                <a:latin typeface="Aptos" panose="020B0004020202020204" pitchFamily="34" charset="0"/>
              </a:defRPr>
            </a:lvl1pPr>
          </a:lstStyle>
          <a:p>
            <a:pPr lvl="0"/>
            <a:r>
              <a:rPr lang="nb-NO" dirty="0"/>
              <a:t>Kontaktperson</a:t>
            </a:r>
          </a:p>
        </p:txBody>
      </p:sp>
    </p:spTree>
    <p:extLst>
      <p:ext uri="{BB962C8B-B14F-4D97-AF65-F5344CB8AC3E}">
        <p14:creationId xmlns:p14="http://schemas.microsoft.com/office/powerpoint/2010/main" val="2953712064"/>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Avslutting">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6EECB6F6-F12D-F5A7-4ADB-764F7DF53A28}"/>
              </a:ext>
            </a:extLst>
          </p:cNvPr>
          <p:cNvPicPr>
            <a:picLocks noChangeAspect="1"/>
          </p:cNvPicPr>
          <p:nvPr userDrawn="1"/>
        </p:nvPicPr>
        <p:blipFill>
          <a:blip r:embed="rId2"/>
          <a:stretch>
            <a:fillRect/>
          </a:stretch>
        </p:blipFill>
        <p:spPr>
          <a:xfrm>
            <a:off x="3052683" y="2420647"/>
            <a:ext cx="6086634" cy="2016705"/>
          </a:xfrm>
          <a:prstGeom prst="rect">
            <a:avLst/>
          </a:prstGeom>
        </p:spPr>
      </p:pic>
      <p:pic>
        <p:nvPicPr>
          <p:cNvPr id="4" name="Bilde 3">
            <a:extLst>
              <a:ext uri="{FF2B5EF4-FFF2-40B4-BE49-F238E27FC236}">
                <a16:creationId xmlns:a16="http://schemas.microsoft.com/office/drawing/2014/main" id="{D0DD72CF-8B80-D229-8DB4-6EB43F0B4AB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Tree>
    <p:extLst>
      <p:ext uri="{BB962C8B-B14F-4D97-AF65-F5344CB8AC3E}">
        <p14:creationId xmlns:p14="http://schemas.microsoft.com/office/powerpoint/2010/main" val="1237215364"/>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6" presetClass="emph" presetSubtype="0" fill="hold" nodeType="withEffect">
                                  <p:stCondLst>
                                    <p:cond delay="0"/>
                                  </p:stCondLst>
                                  <p:childTnLst>
                                    <p:animScale>
                                      <p:cBhvr>
                                        <p:cTn id="6" dur="3000" fill="hold"/>
                                        <p:tgtEl>
                                          <p:spTgt spid="6"/>
                                        </p:tgtEl>
                                      </p:cBhvr>
                                      <p:by x="110000" y="110000"/>
                                    </p:animScale>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Standardforside 1">
    <p:bg>
      <p:bgPr>
        <a:solidFill>
          <a:schemeClr val="tx1"/>
        </a:solidFill>
        <a:effectLst/>
      </p:bgPr>
    </p:bg>
    <p:spTree>
      <p:nvGrpSpPr>
        <p:cNvPr id="1" name=""/>
        <p:cNvGrpSpPr/>
        <p:nvPr/>
      </p:nvGrpSpPr>
      <p:grpSpPr>
        <a:xfrm>
          <a:off x="0" y="0"/>
          <a:ext cx="0" cy="0"/>
          <a:chOff x="0" y="0"/>
          <a:chExt cx="0" cy="0"/>
        </a:xfrm>
      </p:grpSpPr>
      <p:pic>
        <p:nvPicPr>
          <p:cNvPr id="2" name="Plassholder for bilde 7">
            <a:extLst>
              <a:ext uri="{FF2B5EF4-FFF2-40B4-BE49-F238E27FC236}">
                <a16:creationId xmlns:a16="http://schemas.microsoft.com/office/drawing/2014/main" id="{9C341B83-C3EE-BDE8-2180-BBE0D841113B}"/>
              </a:ext>
            </a:extLst>
          </p:cNvPr>
          <p:cNvPicPr>
            <a:picLocks noChangeAspect="1"/>
          </p:cNvPicPr>
          <p:nvPr userDrawn="1"/>
        </p:nvPicPr>
        <p:blipFill>
          <a:blip r:embed="rId2"/>
          <a:srcRect t="12913" b="12913"/>
          <a:stretch/>
        </p:blipFill>
        <p:spPr>
          <a:xfrm>
            <a:off x="838199" y="818284"/>
            <a:ext cx="10511434" cy="5219602"/>
          </a:xfrm>
          <a:custGeom>
            <a:avLst/>
            <a:gdLst>
              <a:gd name="connsiteX0" fmla="*/ 224033 w 10509274"/>
              <a:gd name="connsiteY0" fmla="*/ 0 h 5218477"/>
              <a:gd name="connsiteX1" fmla="*/ 7150832 w 10509274"/>
              <a:gd name="connsiteY1" fmla="*/ 0 h 5218477"/>
              <a:gd name="connsiteX2" fmla="*/ 7374864 w 10509274"/>
              <a:gd name="connsiteY2" fmla="*/ 223995 h 5218477"/>
              <a:gd name="connsiteX3" fmla="*/ 7374864 w 10509274"/>
              <a:gd name="connsiteY3" fmla="*/ 930750 h 5218477"/>
              <a:gd name="connsiteX4" fmla="*/ 7791002 w 10509274"/>
              <a:gd name="connsiteY4" fmla="*/ 1046013 h 5218477"/>
              <a:gd name="connsiteX5" fmla="*/ 8353456 w 10509274"/>
              <a:gd name="connsiteY5" fmla="*/ 108731 h 5218477"/>
              <a:gd name="connsiteX6" fmla="*/ 8545559 w 10509274"/>
              <a:gd name="connsiteY6" fmla="*/ 0 h 5218477"/>
              <a:gd name="connsiteX7" fmla="*/ 10285240 w 10509274"/>
              <a:gd name="connsiteY7" fmla="*/ 0 h 5218477"/>
              <a:gd name="connsiteX8" fmla="*/ 10509274 w 10509274"/>
              <a:gd name="connsiteY8" fmla="*/ 223995 h 5218477"/>
              <a:gd name="connsiteX9" fmla="*/ 10509274 w 10509274"/>
              <a:gd name="connsiteY9" fmla="*/ 3416822 h 5218477"/>
              <a:gd name="connsiteX10" fmla="*/ 10477186 w 10509274"/>
              <a:gd name="connsiteY10" fmla="*/ 3532297 h 5218477"/>
              <a:gd name="connsiteX11" fmla="*/ 9527890 w 10509274"/>
              <a:gd name="connsiteY11" fmla="*/ 5109956 h 5218477"/>
              <a:gd name="connsiteX12" fmla="*/ 9335945 w 10509274"/>
              <a:gd name="connsiteY12" fmla="*/ 5218477 h 5218477"/>
              <a:gd name="connsiteX13" fmla="*/ 224033 w 10509274"/>
              <a:gd name="connsiteY13" fmla="*/ 5218477 h 5218477"/>
              <a:gd name="connsiteX14" fmla="*/ 0 w 10509274"/>
              <a:gd name="connsiteY14" fmla="*/ 4994482 h 5218477"/>
              <a:gd name="connsiteX15" fmla="*/ 0 w 10509274"/>
              <a:gd name="connsiteY15" fmla="*/ 223995 h 5218477"/>
              <a:gd name="connsiteX16" fmla="*/ 224033 w 10509274"/>
              <a:gd name="connsiteY16" fmla="*/ 0 h 5218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509274" h="5218477">
                <a:moveTo>
                  <a:pt x="224033" y="0"/>
                </a:moveTo>
                <a:lnTo>
                  <a:pt x="7150832" y="0"/>
                </a:lnTo>
                <a:cubicBezTo>
                  <a:pt x="7274545" y="0"/>
                  <a:pt x="7374864" y="100303"/>
                  <a:pt x="7374864" y="223995"/>
                </a:cubicBezTo>
                <a:lnTo>
                  <a:pt x="7374864" y="930750"/>
                </a:lnTo>
                <a:cubicBezTo>
                  <a:pt x="7374864" y="1157958"/>
                  <a:pt x="7674085" y="1240824"/>
                  <a:pt x="7791002" y="1046013"/>
                </a:cubicBezTo>
                <a:lnTo>
                  <a:pt x="8353456" y="108731"/>
                </a:lnTo>
                <a:cubicBezTo>
                  <a:pt x="8393920" y="41301"/>
                  <a:pt x="8466841" y="0"/>
                  <a:pt x="8545559" y="0"/>
                </a:cubicBezTo>
                <a:lnTo>
                  <a:pt x="10285240" y="0"/>
                </a:lnTo>
                <a:cubicBezTo>
                  <a:pt x="10408954" y="0"/>
                  <a:pt x="10509274" y="100303"/>
                  <a:pt x="10509274" y="223995"/>
                </a:cubicBezTo>
                <a:lnTo>
                  <a:pt x="10509274" y="3416822"/>
                </a:lnTo>
                <a:cubicBezTo>
                  <a:pt x="10509274" y="3457491"/>
                  <a:pt x="10498156" y="3497423"/>
                  <a:pt x="10477186" y="3532297"/>
                </a:cubicBezTo>
                <a:lnTo>
                  <a:pt x="9527890" y="5109956"/>
                </a:lnTo>
                <a:cubicBezTo>
                  <a:pt x="9487373" y="5177281"/>
                  <a:pt x="9414556" y="5218477"/>
                  <a:pt x="9335945" y="5218477"/>
                </a:cubicBezTo>
                <a:lnTo>
                  <a:pt x="224033" y="5218477"/>
                </a:lnTo>
                <a:cubicBezTo>
                  <a:pt x="100320" y="5218477"/>
                  <a:pt x="0" y="5118174"/>
                  <a:pt x="0" y="4994482"/>
                </a:cubicBezTo>
                <a:lnTo>
                  <a:pt x="0" y="223995"/>
                </a:lnTo>
                <a:cubicBezTo>
                  <a:pt x="0" y="100303"/>
                  <a:pt x="100320" y="0"/>
                  <a:pt x="224033" y="0"/>
                </a:cubicBezTo>
                <a:close/>
              </a:path>
            </a:pathLst>
          </a:custGeom>
        </p:spPr>
      </p:pic>
      <p:sp>
        <p:nvSpPr>
          <p:cNvPr id="3" name="Rektangel 1">
            <a:extLst>
              <a:ext uri="{FF2B5EF4-FFF2-40B4-BE49-F238E27FC236}">
                <a16:creationId xmlns:a16="http://schemas.microsoft.com/office/drawing/2014/main" id="{D2B110BE-E7FF-3F9A-C7CE-8945B51DDB4A}"/>
              </a:ext>
            </a:extLst>
          </p:cNvPr>
          <p:cNvSpPr/>
          <p:nvPr userDrawn="1"/>
        </p:nvSpPr>
        <p:spPr>
          <a:xfrm rot="5400000" flipV="1">
            <a:off x="692328" y="-457198"/>
            <a:ext cx="6858003" cy="7772400"/>
          </a:xfrm>
          <a:prstGeom prst="rect">
            <a:avLst/>
          </a:prstGeom>
          <a:gradFill>
            <a:gsLst>
              <a:gs pos="0">
                <a:schemeClr val="tx1"/>
              </a:gs>
              <a:gs pos="99000">
                <a:schemeClr val="tx1">
                  <a:alpha val="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nb-NO" sz="1800" b="0" i="0" u="none" strike="noStrike" kern="1200" cap="none" spc="0" normalizeH="0" baseline="0" noProof="0">
              <a:ln>
                <a:noFill/>
              </a:ln>
              <a:solidFill>
                <a:srgbClr val="E8E3E2"/>
              </a:solidFill>
              <a:effectLst/>
              <a:uLnTx/>
              <a:uFillTx/>
              <a:latin typeface="Calibri" panose="020F0502020204030204"/>
              <a:ea typeface="+mn-ea"/>
              <a:cs typeface="+mn-cs"/>
            </a:endParaRPr>
          </a:p>
        </p:txBody>
      </p:sp>
      <p:pic>
        <p:nvPicPr>
          <p:cNvPr id="4" name="Bilde 1">
            <a:extLst>
              <a:ext uri="{FF2B5EF4-FFF2-40B4-BE49-F238E27FC236}">
                <a16:creationId xmlns:a16="http://schemas.microsoft.com/office/drawing/2014/main" id="{7B9AE7EB-A0D7-11BC-8BF0-9B362A1E9D13}"/>
              </a:ext>
            </a:extLst>
          </p:cNvPr>
          <p:cNvPicPr>
            <a:picLocks noChangeAspect="1"/>
          </p:cNvPicPr>
          <p:nvPr userDrawn="1"/>
        </p:nvPicPr>
        <p:blipFill>
          <a:blip r:embed="rId3"/>
          <a:stretch>
            <a:fillRect/>
          </a:stretch>
        </p:blipFill>
        <p:spPr>
          <a:xfrm>
            <a:off x="1020648" y="985723"/>
            <a:ext cx="5058047" cy="1675899"/>
          </a:xfrm>
          <a:prstGeom prst="rect">
            <a:avLst/>
          </a:prstGeom>
        </p:spPr>
      </p:pic>
      <p:sp>
        <p:nvSpPr>
          <p:cNvPr id="5" name="TextBox 4">
            <a:extLst>
              <a:ext uri="{FF2B5EF4-FFF2-40B4-BE49-F238E27FC236}">
                <a16:creationId xmlns:a16="http://schemas.microsoft.com/office/drawing/2014/main" id="{F3ED505F-107C-591B-4379-C2CEF2AC9316}"/>
              </a:ext>
            </a:extLst>
          </p:cNvPr>
          <p:cNvSpPr txBox="1"/>
          <p:nvPr userDrawn="1"/>
        </p:nvSpPr>
        <p:spPr>
          <a:xfrm>
            <a:off x="6446848" y="5945553"/>
            <a:ext cx="3802325" cy="92333"/>
          </a:xfrm>
          <a:prstGeom prst="rect">
            <a:avLst/>
          </a:prstGeom>
          <a:noFill/>
        </p:spPr>
        <p:txBody>
          <a:bodyPr wrap="square" lIns="36000" tIns="0" rIns="36000" bIns="0" rtlCol="0">
            <a:spAutoFit/>
          </a:bodyPr>
          <a:lstStyle/>
          <a:p>
            <a:pPr algn="r"/>
            <a:r>
              <a:rPr lang="nb-NO" sz="600" i="1" dirty="0">
                <a:solidFill>
                  <a:schemeClr val="bg1"/>
                </a:solidFill>
              </a:rPr>
              <a:t>Håhammeren bro og turvei | Foto: Jo Gaute Fornes</a:t>
            </a:r>
          </a:p>
        </p:txBody>
      </p:sp>
      <p:pic>
        <p:nvPicPr>
          <p:cNvPr id="41" name="Bilde 40">
            <a:extLst>
              <a:ext uri="{FF2B5EF4-FFF2-40B4-BE49-F238E27FC236}">
                <a16:creationId xmlns:a16="http://schemas.microsoft.com/office/drawing/2014/main" id="{59A61231-5D90-F084-BD09-FB9296AC37C8}"/>
              </a:ext>
            </a:extLst>
          </p:cNvPr>
          <p:cNvPicPr>
            <a:picLocks noChangeAspect="1"/>
          </p:cNvPicPr>
          <p:nvPr userDrawn="1"/>
        </p:nvPicPr>
        <p:blipFill>
          <a:blip r:embed="rId4"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7" name="Tittel 1">
            <a:extLst>
              <a:ext uri="{FF2B5EF4-FFF2-40B4-BE49-F238E27FC236}">
                <a16:creationId xmlns:a16="http://schemas.microsoft.com/office/drawing/2014/main" id="{EFD210B8-09A4-A260-C46C-C313FDAE6E5A}"/>
              </a:ext>
            </a:extLst>
          </p:cNvPr>
          <p:cNvSpPr>
            <a:spLocks noGrp="1"/>
          </p:cNvSpPr>
          <p:nvPr>
            <p:ph type="title" hasCustomPrompt="1"/>
          </p:nvPr>
        </p:nvSpPr>
        <p:spPr>
          <a:xfrm>
            <a:off x="838199" y="2729878"/>
            <a:ext cx="10477501" cy="2278517"/>
          </a:xfrm>
        </p:spPr>
        <p:txBody>
          <a:bodyPr anchor="b">
            <a:noAutofit/>
          </a:bodyPr>
          <a:lstStyle>
            <a:lvl1pPr algn="l">
              <a:defRPr sz="5400">
                <a:solidFill>
                  <a:schemeClr val="bg2"/>
                </a:solidFill>
                <a:latin typeface="Aptos" panose="020B0004020202020204" pitchFamily="34" charset="0"/>
              </a:defRPr>
            </a:lvl1pPr>
          </a:lstStyle>
          <a:p>
            <a:r>
              <a:rPr lang="nb-NO" dirty="0"/>
              <a:t>Klikk for å redigere tittel</a:t>
            </a:r>
          </a:p>
        </p:txBody>
      </p:sp>
      <p:sp>
        <p:nvSpPr>
          <p:cNvPr id="8" name="Undertittel 2">
            <a:extLst>
              <a:ext uri="{FF2B5EF4-FFF2-40B4-BE49-F238E27FC236}">
                <a16:creationId xmlns:a16="http://schemas.microsoft.com/office/drawing/2014/main" id="{25714656-4DE0-D1C9-14BC-A00D7830D4B1}"/>
              </a:ext>
            </a:extLst>
          </p:cNvPr>
          <p:cNvSpPr>
            <a:spLocks noGrp="1"/>
          </p:cNvSpPr>
          <p:nvPr>
            <p:ph type="subTitle" idx="1" hasCustomPrompt="1"/>
          </p:nvPr>
        </p:nvSpPr>
        <p:spPr>
          <a:xfrm>
            <a:off x="838199" y="5123507"/>
            <a:ext cx="10477500" cy="918000"/>
          </a:xfrm>
        </p:spPr>
        <p:txBody>
          <a:bodyPr>
            <a:noAutofit/>
          </a:bodyPr>
          <a:lstStyle>
            <a:lvl1pPr marL="0" indent="0" algn="l">
              <a:buNone/>
              <a:defRPr sz="2000">
                <a:solidFill>
                  <a:schemeClr val="bg2"/>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her for å redigere undertittel</a:t>
            </a:r>
          </a:p>
        </p:txBody>
      </p:sp>
    </p:spTree>
    <p:extLst>
      <p:ext uri="{BB962C8B-B14F-4D97-AF65-F5344CB8AC3E}">
        <p14:creationId xmlns:p14="http://schemas.microsoft.com/office/powerpoint/2010/main" val="1394746319"/>
      </p:ext>
    </p:extLst>
  </p:cSld>
  <p:clrMapOvr>
    <a:overrideClrMapping bg1="lt1" tx1="dk1" bg2="lt2" tx2="dk2" accent1="accent1" accent2="accent2" accent3="accent3" accent4="accent4" accent5="accent5" accent6="accent6" hlink="hlink" folHlink="folHlink"/>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Standardforside 2">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A51597EE-9C80-BED4-B972-F77187939CB5}"/>
              </a:ext>
            </a:extLst>
          </p:cNvPr>
          <p:cNvSpPr>
            <a:spLocks noGrp="1"/>
          </p:cNvSpPr>
          <p:nvPr>
            <p:ph type="ctrTitle" hasCustomPrompt="1"/>
          </p:nvPr>
        </p:nvSpPr>
        <p:spPr>
          <a:xfrm>
            <a:off x="838199" y="1501160"/>
            <a:ext cx="4971402" cy="3505737"/>
          </a:xfrm>
        </p:spPr>
        <p:txBody>
          <a:bodyPr anchor="b">
            <a:noAutofit/>
          </a:bodyPr>
          <a:lstStyle>
            <a:lvl1pPr algn="l">
              <a:defRPr sz="5400">
                <a:solidFill>
                  <a:schemeClr val="tx1"/>
                </a:solidFill>
                <a:latin typeface="Aptos" panose="020B0004020202020204" pitchFamily="34" charset="0"/>
              </a:defRPr>
            </a:lvl1pPr>
          </a:lstStyle>
          <a:p>
            <a:r>
              <a:rPr lang="nb-NO" dirty="0"/>
              <a:t>Klikk for å redigere tittel</a:t>
            </a:r>
          </a:p>
        </p:txBody>
      </p:sp>
      <p:sp>
        <p:nvSpPr>
          <p:cNvPr id="3" name="Undertittel 2">
            <a:extLst>
              <a:ext uri="{FF2B5EF4-FFF2-40B4-BE49-F238E27FC236}">
                <a16:creationId xmlns:a16="http://schemas.microsoft.com/office/drawing/2014/main" id="{6C16562C-6679-120E-9543-2FB6648D17D1}"/>
              </a:ext>
            </a:extLst>
          </p:cNvPr>
          <p:cNvSpPr>
            <a:spLocks noGrp="1"/>
          </p:cNvSpPr>
          <p:nvPr>
            <p:ph type="subTitle" idx="1" hasCustomPrompt="1"/>
          </p:nvPr>
        </p:nvSpPr>
        <p:spPr>
          <a:xfrm>
            <a:off x="838199" y="5120639"/>
            <a:ext cx="4971402" cy="919301"/>
          </a:xfrm>
        </p:spPr>
        <p:txBody>
          <a:bodyPr>
            <a:noAutofit/>
          </a:bodyPr>
          <a:lstStyle>
            <a:lvl1pPr marL="0" indent="0" algn="l">
              <a:buNone/>
              <a:defRPr sz="2000">
                <a:solidFill>
                  <a:schemeClr val="tx1"/>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her for å redigere undertittel</a:t>
            </a:r>
          </a:p>
        </p:txBody>
      </p:sp>
      <p:pic>
        <p:nvPicPr>
          <p:cNvPr id="4" name="Bilde 3">
            <a:extLst>
              <a:ext uri="{FF2B5EF4-FFF2-40B4-BE49-F238E27FC236}">
                <a16:creationId xmlns:a16="http://schemas.microsoft.com/office/drawing/2014/main" id="{DCFC6F05-CC25-3847-DE7E-E810DF531BF6}"/>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Picture 5" descr="A collage of images of various types of water&#10;&#10;Description automatically generated">
            <a:extLst>
              <a:ext uri="{FF2B5EF4-FFF2-40B4-BE49-F238E27FC236}">
                <a16:creationId xmlns:a16="http://schemas.microsoft.com/office/drawing/2014/main" id="{D6721ECC-DBE3-D267-C4DA-51167C451193}"/>
              </a:ext>
            </a:extLst>
          </p:cNvPr>
          <p:cNvPicPr>
            <a:picLocks noChangeAspect="1"/>
          </p:cNvPicPr>
          <p:nvPr userDrawn="1"/>
        </p:nvPicPr>
        <p:blipFill>
          <a:blip r:embed="rId3"/>
          <a:stretch>
            <a:fillRect/>
          </a:stretch>
        </p:blipFill>
        <p:spPr>
          <a:xfrm>
            <a:off x="6138000" y="828000"/>
            <a:ext cx="5212800" cy="5212800"/>
          </a:xfrm>
          <a:prstGeom prst="rect">
            <a:avLst/>
          </a:prstGeom>
        </p:spPr>
      </p:pic>
      <p:pic>
        <p:nvPicPr>
          <p:cNvPr id="5" name="Bilde 2">
            <a:extLst>
              <a:ext uri="{FF2B5EF4-FFF2-40B4-BE49-F238E27FC236}">
                <a16:creationId xmlns:a16="http://schemas.microsoft.com/office/drawing/2014/main" id="{25D9B593-A64C-4374-97F6-17A5D3A2340F}"/>
              </a:ext>
            </a:extLst>
          </p:cNvPr>
          <p:cNvPicPr>
            <a:picLocks noChangeAspect="1"/>
          </p:cNvPicPr>
          <p:nvPr userDrawn="1"/>
        </p:nvPicPr>
        <p:blipFill>
          <a:blip r:embed="rId4"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804931256"/>
      </p:ext>
    </p:extLst>
  </p:cSld>
  <p:clrMapOvr>
    <a:overrideClrMapping bg1="lt1" tx1="dk1" bg2="lt2" tx2="dk2" accent1="accent1" accent2="accent2" accent3="accent3" accent4="accent4" accent5="accent5" accent6="accent6" hlink="hlink" folHlink="folHlink"/>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Forside 1">
    <p:spTree>
      <p:nvGrpSpPr>
        <p:cNvPr id="1" name=""/>
        <p:cNvGrpSpPr/>
        <p:nvPr/>
      </p:nvGrpSpPr>
      <p:grpSpPr>
        <a:xfrm>
          <a:off x="0" y="0"/>
          <a:ext cx="0" cy="0"/>
          <a:chOff x="0" y="0"/>
          <a:chExt cx="0" cy="0"/>
        </a:xfrm>
      </p:grpSpPr>
      <p:sp>
        <p:nvSpPr>
          <p:cNvPr id="6" name="Plassholder for bilde 5">
            <a:extLst>
              <a:ext uri="{FF2B5EF4-FFF2-40B4-BE49-F238E27FC236}">
                <a16:creationId xmlns:a16="http://schemas.microsoft.com/office/drawing/2014/main" id="{8F3FE7BC-CCDA-25E1-31CE-556CF7587174}"/>
              </a:ext>
            </a:extLst>
          </p:cNvPr>
          <p:cNvSpPr>
            <a:spLocks noGrp="1"/>
          </p:cNvSpPr>
          <p:nvPr>
            <p:ph type="pic" sz="quarter" idx="10" hasCustomPrompt="1"/>
          </p:nvPr>
        </p:nvSpPr>
        <p:spPr>
          <a:xfrm>
            <a:off x="839124" y="819196"/>
            <a:ext cx="10512596" cy="5221779"/>
          </a:xfrm>
          <a:custGeom>
            <a:avLst/>
            <a:gdLst>
              <a:gd name="connsiteX0" fmla="*/ 1170935 w 10511434"/>
              <a:gd name="connsiteY0" fmla="*/ 0 h 5219602"/>
              <a:gd name="connsiteX1" fmla="*/ 10287355 w 10511434"/>
              <a:gd name="connsiteY1" fmla="*/ 0 h 5219602"/>
              <a:gd name="connsiteX2" fmla="*/ 10511434 w 10511434"/>
              <a:gd name="connsiteY2" fmla="*/ 224041 h 5219602"/>
              <a:gd name="connsiteX3" fmla="*/ 10511434 w 10511434"/>
              <a:gd name="connsiteY3" fmla="*/ 4995561 h 5219602"/>
              <a:gd name="connsiteX4" fmla="*/ 10287355 w 10511434"/>
              <a:gd name="connsiteY4" fmla="*/ 5219602 h 5219602"/>
              <a:gd name="connsiteX5" fmla="*/ 8647340 w 10511434"/>
              <a:gd name="connsiteY5" fmla="*/ 5219602 h 5219602"/>
              <a:gd name="connsiteX6" fmla="*/ 8423260 w 10511434"/>
              <a:gd name="connsiteY6" fmla="*/ 4995561 h 5219602"/>
              <a:gd name="connsiteX7" fmla="*/ 8423260 w 10511434"/>
              <a:gd name="connsiteY7" fmla="*/ 4288609 h 5219602"/>
              <a:gd name="connsiteX8" fmla="*/ 8007038 w 10511434"/>
              <a:gd name="connsiteY8" fmla="*/ 4173321 h 5219602"/>
              <a:gd name="connsiteX9" fmla="*/ 7444469 w 10511434"/>
              <a:gd name="connsiteY9" fmla="*/ 5110796 h 5219602"/>
              <a:gd name="connsiteX10" fmla="*/ 7252326 w 10511434"/>
              <a:gd name="connsiteY10" fmla="*/ 5219549 h 5219602"/>
              <a:gd name="connsiteX11" fmla="*/ 224079 w 10511434"/>
              <a:gd name="connsiteY11" fmla="*/ 5219549 h 5219602"/>
              <a:gd name="connsiteX12" fmla="*/ 0 w 10511434"/>
              <a:gd name="connsiteY12" fmla="*/ 4995508 h 5219602"/>
              <a:gd name="connsiteX13" fmla="*/ 0 w 10511434"/>
              <a:gd name="connsiteY13" fmla="*/ 1801920 h 5219602"/>
              <a:gd name="connsiteX14" fmla="*/ 31936 w 10511434"/>
              <a:gd name="connsiteY14" fmla="*/ 1686632 h 5219602"/>
              <a:gd name="connsiteX15" fmla="*/ 978792 w 10511434"/>
              <a:gd name="connsiteY15" fmla="*/ 108754 h 5219602"/>
              <a:gd name="connsiteX16" fmla="*/ 1170935 w 10511434"/>
              <a:gd name="connsiteY16" fmla="*/ 0 h 5219602"/>
              <a:gd name="connsiteX0" fmla="*/ 1170935 w 10511434"/>
              <a:gd name="connsiteY0" fmla="*/ 0 h 5219602"/>
              <a:gd name="connsiteX1" fmla="*/ 10287355 w 10511434"/>
              <a:gd name="connsiteY1" fmla="*/ 0 h 5219602"/>
              <a:gd name="connsiteX2" fmla="*/ 10511434 w 10511434"/>
              <a:gd name="connsiteY2" fmla="*/ 224041 h 5219602"/>
              <a:gd name="connsiteX3" fmla="*/ 10511434 w 10511434"/>
              <a:gd name="connsiteY3" fmla="*/ 4995561 h 5219602"/>
              <a:gd name="connsiteX4" fmla="*/ 10287355 w 10511434"/>
              <a:gd name="connsiteY4" fmla="*/ 5219602 h 5219602"/>
              <a:gd name="connsiteX5" fmla="*/ 8647340 w 10511434"/>
              <a:gd name="connsiteY5" fmla="*/ 5219602 h 5219602"/>
              <a:gd name="connsiteX6" fmla="*/ 8423260 w 10511434"/>
              <a:gd name="connsiteY6" fmla="*/ 4995561 h 5219602"/>
              <a:gd name="connsiteX7" fmla="*/ 8423260 w 10511434"/>
              <a:gd name="connsiteY7" fmla="*/ 4288609 h 5219602"/>
              <a:gd name="connsiteX8" fmla="*/ 8007038 w 10511434"/>
              <a:gd name="connsiteY8" fmla="*/ 4173321 h 5219602"/>
              <a:gd name="connsiteX9" fmla="*/ 7444469 w 10511434"/>
              <a:gd name="connsiteY9" fmla="*/ 5110796 h 5219602"/>
              <a:gd name="connsiteX10" fmla="*/ 7252326 w 10511434"/>
              <a:gd name="connsiteY10" fmla="*/ 5219549 h 5219602"/>
              <a:gd name="connsiteX11" fmla="*/ 224079 w 10511434"/>
              <a:gd name="connsiteY11" fmla="*/ 5219549 h 5219602"/>
              <a:gd name="connsiteX12" fmla="*/ 0 w 10511434"/>
              <a:gd name="connsiteY12" fmla="*/ 4995508 h 5219602"/>
              <a:gd name="connsiteX13" fmla="*/ 6179 w 10511434"/>
              <a:gd name="connsiteY13" fmla="*/ 3043774 h 5219602"/>
              <a:gd name="connsiteX14" fmla="*/ 31936 w 10511434"/>
              <a:gd name="connsiteY14" fmla="*/ 1686632 h 5219602"/>
              <a:gd name="connsiteX15" fmla="*/ 978792 w 10511434"/>
              <a:gd name="connsiteY15" fmla="*/ 108754 h 5219602"/>
              <a:gd name="connsiteX16" fmla="*/ 1170935 w 10511434"/>
              <a:gd name="connsiteY16" fmla="*/ 0 h 5219602"/>
              <a:gd name="connsiteX0" fmla="*/ 1170935 w 10511434"/>
              <a:gd name="connsiteY0" fmla="*/ 0 h 5219602"/>
              <a:gd name="connsiteX1" fmla="*/ 4615225 w 10511434"/>
              <a:gd name="connsiteY1" fmla="*/ 2525 h 5219602"/>
              <a:gd name="connsiteX2" fmla="*/ 10287355 w 10511434"/>
              <a:gd name="connsiteY2" fmla="*/ 0 h 5219602"/>
              <a:gd name="connsiteX3" fmla="*/ 10511434 w 10511434"/>
              <a:gd name="connsiteY3" fmla="*/ 224041 h 5219602"/>
              <a:gd name="connsiteX4" fmla="*/ 10511434 w 10511434"/>
              <a:gd name="connsiteY4" fmla="*/ 4995561 h 5219602"/>
              <a:gd name="connsiteX5" fmla="*/ 10287355 w 10511434"/>
              <a:gd name="connsiteY5" fmla="*/ 5219602 h 5219602"/>
              <a:gd name="connsiteX6" fmla="*/ 8647340 w 10511434"/>
              <a:gd name="connsiteY6" fmla="*/ 5219602 h 5219602"/>
              <a:gd name="connsiteX7" fmla="*/ 8423260 w 10511434"/>
              <a:gd name="connsiteY7" fmla="*/ 4995561 h 5219602"/>
              <a:gd name="connsiteX8" fmla="*/ 8423260 w 10511434"/>
              <a:gd name="connsiteY8" fmla="*/ 4288609 h 5219602"/>
              <a:gd name="connsiteX9" fmla="*/ 8007038 w 10511434"/>
              <a:gd name="connsiteY9" fmla="*/ 4173321 h 5219602"/>
              <a:gd name="connsiteX10" fmla="*/ 7444469 w 10511434"/>
              <a:gd name="connsiteY10" fmla="*/ 5110796 h 5219602"/>
              <a:gd name="connsiteX11" fmla="*/ 7252326 w 10511434"/>
              <a:gd name="connsiteY11" fmla="*/ 5219549 h 5219602"/>
              <a:gd name="connsiteX12" fmla="*/ 224079 w 10511434"/>
              <a:gd name="connsiteY12" fmla="*/ 5219549 h 5219602"/>
              <a:gd name="connsiteX13" fmla="*/ 0 w 10511434"/>
              <a:gd name="connsiteY13" fmla="*/ 4995508 h 5219602"/>
              <a:gd name="connsiteX14" fmla="*/ 6179 w 10511434"/>
              <a:gd name="connsiteY14" fmla="*/ 3043774 h 5219602"/>
              <a:gd name="connsiteX15" fmla="*/ 31936 w 10511434"/>
              <a:gd name="connsiteY15" fmla="*/ 1686632 h 5219602"/>
              <a:gd name="connsiteX16" fmla="*/ 978792 w 10511434"/>
              <a:gd name="connsiteY16" fmla="*/ 108754 h 5219602"/>
              <a:gd name="connsiteX17" fmla="*/ 1170935 w 10511434"/>
              <a:gd name="connsiteY17" fmla="*/ 0 h 5219602"/>
              <a:gd name="connsiteX0" fmla="*/ 1170935 w 10511434"/>
              <a:gd name="connsiteY0" fmla="*/ 3653 h 5223255"/>
              <a:gd name="connsiteX1" fmla="*/ 6542880 w 10511434"/>
              <a:gd name="connsiteY1" fmla="*/ 0 h 5223255"/>
              <a:gd name="connsiteX2" fmla="*/ 10287355 w 10511434"/>
              <a:gd name="connsiteY2" fmla="*/ 3653 h 5223255"/>
              <a:gd name="connsiteX3" fmla="*/ 10511434 w 10511434"/>
              <a:gd name="connsiteY3" fmla="*/ 227694 h 5223255"/>
              <a:gd name="connsiteX4" fmla="*/ 10511434 w 10511434"/>
              <a:gd name="connsiteY4" fmla="*/ 4999214 h 5223255"/>
              <a:gd name="connsiteX5" fmla="*/ 10287355 w 10511434"/>
              <a:gd name="connsiteY5" fmla="*/ 5223255 h 5223255"/>
              <a:gd name="connsiteX6" fmla="*/ 8647340 w 10511434"/>
              <a:gd name="connsiteY6" fmla="*/ 5223255 h 5223255"/>
              <a:gd name="connsiteX7" fmla="*/ 8423260 w 10511434"/>
              <a:gd name="connsiteY7" fmla="*/ 4999214 h 5223255"/>
              <a:gd name="connsiteX8" fmla="*/ 8423260 w 10511434"/>
              <a:gd name="connsiteY8" fmla="*/ 4292262 h 5223255"/>
              <a:gd name="connsiteX9" fmla="*/ 8007038 w 10511434"/>
              <a:gd name="connsiteY9" fmla="*/ 4176974 h 5223255"/>
              <a:gd name="connsiteX10" fmla="*/ 7444469 w 10511434"/>
              <a:gd name="connsiteY10" fmla="*/ 5114449 h 5223255"/>
              <a:gd name="connsiteX11" fmla="*/ 7252326 w 10511434"/>
              <a:gd name="connsiteY11" fmla="*/ 5223202 h 5223255"/>
              <a:gd name="connsiteX12" fmla="*/ 224079 w 10511434"/>
              <a:gd name="connsiteY12" fmla="*/ 5223202 h 5223255"/>
              <a:gd name="connsiteX13" fmla="*/ 0 w 10511434"/>
              <a:gd name="connsiteY13" fmla="*/ 4999161 h 5223255"/>
              <a:gd name="connsiteX14" fmla="*/ 6179 w 10511434"/>
              <a:gd name="connsiteY14" fmla="*/ 3047427 h 5223255"/>
              <a:gd name="connsiteX15" fmla="*/ 31936 w 10511434"/>
              <a:gd name="connsiteY15" fmla="*/ 1690285 h 5223255"/>
              <a:gd name="connsiteX16" fmla="*/ 978792 w 10511434"/>
              <a:gd name="connsiteY16" fmla="*/ 112407 h 5223255"/>
              <a:gd name="connsiteX17" fmla="*/ 1170935 w 10511434"/>
              <a:gd name="connsiteY17" fmla="*/ 3653 h 5223255"/>
              <a:gd name="connsiteX0" fmla="*/ 1170935 w 10511434"/>
              <a:gd name="connsiteY0" fmla="*/ 3653 h 5223255"/>
              <a:gd name="connsiteX1" fmla="*/ 5653193 w 10511434"/>
              <a:gd name="connsiteY1" fmla="*/ 617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6179 w 10511434"/>
              <a:gd name="connsiteY15" fmla="*/ 3047427 h 5223255"/>
              <a:gd name="connsiteX16" fmla="*/ 31936 w 10511434"/>
              <a:gd name="connsiteY16" fmla="*/ 1690285 h 5223255"/>
              <a:gd name="connsiteX17" fmla="*/ 978792 w 10511434"/>
              <a:gd name="connsiteY17" fmla="*/ 112407 h 5223255"/>
              <a:gd name="connsiteX18" fmla="*/ 1170935 w 10511434"/>
              <a:gd name="connsiteY18" fmla="*/ 3653 h 5223255"/>
              <a:gd name="connsiteX0" fmla="*/ 1170935 w 10511434"/>
              <a:gd name="connsiteY0" fmla="*/ 3653 h 5223255"/>
              <a:gd name="connsiteX1" fmla="*/ 5529626 w 10511434"/>
              <a:gd name="connsiteY1" fmla="*/ 149516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6179 w 10511434"/>
              <a:gd name="connsiteY15" fmla="*/ 3047427 h 5223255"/>
              <a:gd name="connsiteX16" fmla="*/ 31936 w 10511434"/>
              <a:gd name="connsiteY16" fmla="*/ 1690285 h 5223255"/>
              <a:gd name="connsiteX17" fmla="*/ 978792 w 10511434"/>
              <a:gd name="connsiteY17" fmla="*/ 112407 h 5223255"/>
              <a:gd name="connsiteX18" fmla="*/ 1170935 w 10511434"/>
              <a:gd name="connsiteY18" fmla="*/ 3653 h 5223255"/>
              <a:gd name="connsiteX0" fmla="*/ 1214184 w 10511434"/>
              <a:gd name="connsiteY0" fmla="*/ 1480285 h 5223255"/>
              <a:gd name="connsiteX1" fmla="*/ 5529626 w 10511434"/>
              <a:gd name="connsiteY1" fmla="*/ 149516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6179 w 10511434"/>
              <a:gd name="connsiteY15" fmla="*/ 3047427 h 5223255"/>
              <a:gd name="connsiteX16" fmla="*/ 31936 w 10511434"/>
              <a:gd name="connsiteY16" fmla="*/ 1690285 h 5223255"/>
              <a:gd name="connsiteX17" fmla="*/ 978792 w 10511434"/>
              <a:gd name="connsiteY17" fmla="*/ 112407 h 5223255"/>
              <a:gd name="connsiteX18" fmla="*/ 1214184 w 10511434"/>
              <a:gd name="connsiteY18" fmla="*/ 1480285 h 5223255"/>
              <a:gd name="connsiteX0" fmla="*/ 1214184 w 10511434"/>
              <a:gd name="connsiteY0" fmla="*/ 1480285 h 5223255"/>
              <a:gd name="connsiteX1" fmla="*/ 5529626 w 10511434"/>
              <a:gd name="connsiteY1" fmla="*/ 149516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6179 w 10511434"/>
              <a:gd name="connsiteY15" fmla="*/ 3047427 h 5223255"/>
              <a:gd name="connsiteX16" fmla="*/ 31936 w 10511434"/>
              <a:gd name="connsiteY16" fmla="*/ 1690285 h 5223255"/>
              <a:gd name="connsiteX17" fmla="*/ 1046754 w 10511434"/>
              <a:gd name="connsiteY17" fmla="*/ 1644645 h 5223255"/>
              <a:gd name="connsiteX18" fmla="*/ 1214184 w 10511434"/>
              <a:gd name="connsiteY18" fmla="*/ 1480285 h 5223255"/>
              <a:gd name="connsiteX0" fmla="*/ 1214184 w 10511434"/>
              <a:gd name="connsiteY0" fmla="*/ 1480285 h 5223255"/>
              <a:gd name="connsiteX1" fmla="*/ 5529626 w 10511434"/>
              <a:gd name="connsiteY1" fmla="*/ 149516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1 w 10511434"/>
              <a:gd name="connsiteY15" fmla="*/ 3745583 h 5223255"/>
              <a:gd name="connsiteX16" fmla="*/ 31936 w 10511434"/>
              <a:gd name="connsiteY16" fmla="*/ 1690285 h 5223255"/>
              <a:gd name="connsiteX17" fmla="*/ 1046754 w 10511434"/>
              <a:gd name="connsiteY17" fmla="*/ 1644645 h 5223255"/>
              <a:gd name="connsiteX18" fmla="*/ 1214184 w 10511434"/>
              <a:gd name="connsiteY18" fmla="*/ 1480285 h 5223255"/>
              <a:gd name="connsiteX0" fmla="*/ 1214184 w 10511434"/>
              <a:gd name="connsiteY0" fmla="*/ 1480285 h 5223255"/>
              <a:gd name="connsiteX1" fmla="*/ 5529626 w 10511434"/>
              <a:gd name="connsiteY1" fmla="*/ 1495169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1 w 10511434"/>
              <a:gd name="connsiteY15" fmla="*/ 3745583 h 5223255"/>
              <a:gd name="connsiteX16" fmla="*/ 38115 w 10511434"/>
              <a:gd name="connsiteY16" fmla="*/ 3605582 h 5223255"/>
              <a:gd name="connsiteX17" fmla="*/ 1046754 w 10511434"/>
              <a:gd name="connsiteY17" fmla="*/ 1644645 h 5223255"/>
              <a:gd name="connsiteX18" fmla="*/ 1214184 w 10511434"/>
              <a:gd name="connsiteY18" fmla="*/ 1480285 h 5223255"/>
              <a:gd name="connsiteX0" fmla="*/ 1214184 w 10511434"/>
              <a:gd name="connsiteY0" fmla="*/ 1480285 h 5223255"/>
              <a:gd name="connsiteX1" fmla="*/ 5399880 w 10511434"/>
              <a:gd name="connsiteY1" fmla="*/ 1501348 h 5223255"/>
              <a:gd name="connsiteX2" fmla="*/ 6542880 w 10511434"/>
              <a:gd name="connsiteY2" fmla="*/ 0 h 5223255"/>
              <a:gd name="connsiteX3" fmla="*/ 10287355 w 10511434"/>
              <a:gd name="connsiteY3" fmla="*/ 3653 h 5223255"/>
              <a:gd name="connsiteX4" fmla="*/ 10511434 w 10511434"/>
              <a:gd name="connsiteY4" fmla="*/ 227694 h 5223255"/>
              <a:gd name="connsiteX5" fmla="*/ 10511434 w 10511434"/>
              <a:gd name="connsiteY5" fmla="*/ 4999214 h 5223255"/>
              <a:gd name="connsiteX6" fmla="*/ 10287355 w 10511434"/>
              <a:gd name="connsiteY6" fmla="*/ 5223255 h 5223255"/>
              <a:gd name="connsiteX7" fmla="*/ 8647340 w 10511434"/>
              <a:gd name="connsiteY7" fmla="*/ 5223255 h 5223255"/>
              <a:gd name="connsiteX8" fmla="*/ 8423260 w 10511434"/>
              <a:gd name="connsiteY8" fmla="*/ 4999214 h 5223255"/>
              <a:gd name="connsiteX9" fmla="*/ 8423260 w 10511434"/>
              <a:gd name="connsiteY9" fmla="*/ 4292262 h 5223255"/>
              <a:gd name="connsiteX10" fmla="*/ 8007038 w 10511434"/>
              <a:gd name="connsiteY10" fmla="*/ 4176974 h 5223255"/>
              <a:gd name="connsiteX11" fmla="*/ 7444469 w 10511434"/>
              <a:gd name="connsiteY11" fmla="*/ 5114449 h 5223255"/>
              <a:gd name="connsiteX12" fmla="*/ 7252326 w 10511434"/>
              <a:gd name="connsiteY12" fmla="*/ 5223202 h 5223255"/>
              <a:gd name="connsiteX13" fmla="*/ 224079 w 10511434"/>
              <a:gd name="connsiteY13" fmla="*/ 5223202 h 5223255"/>
              <a:gd name="connsiteX14" fmla="*/ 0 w 10511434"/>
              <a:gd name="connsiteY14" fmla="*/ 4999161 h 5223255"/>
              <a:gd name="connsiteX15" fmla="*/ 1 w 10511434"/>
              <a:gd name="connsiteY15" fmla="*/ 3745583 h 5223255"/>
              <a:gd name="connsiteX16" fmla="*/ 38115 w 10511434"/>
              <a:gd name="connsiteY16" fmla="*/ 3605582 h 5223255"/>
              <a:gd name="connsiteX17" fmla="*/ 1046754 w 10511434"/>
              <a:gd name="connsiteY17" fmla="*/ 1644645 h 5223255"/>
              <a:gd name="connsiteX18" fmla="*/ 1214184 w 10511434"/>
              <a:gd name="connsiteY18" fmla="*/ 1480285 h 5223255"/>
              <a:gd name="connsiteX0" fmla="*/ 1214184 w 10511434"/>
              <a:gd name="connsiteY0" fmla="*/ 1480285 h 5223255"/>
              <a:gd name="connsiteX1" fmla="*/ 5399880 w 10511434"/>
              <a:gd name="connsiteY1" fmla="*/ 1501348 h 5223255"/>
              <a:gd name="connsiteX2" fmla="*/ 5653193 w 10511434"/>
              <a:gd name="connsiteY2" fmla="*/ 1161536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399880 w 10511434"/>
              <a:gd name="connsiteY1" fmla="*/ 1501348 h 5223255"/>
              <a:gd name="connsiteX2" fmla="*/ 5603766 w 10511434"/>
              <a:gd name="connsiteY2" fmla="*/ 1402493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399880 w 10511434"/>
              <a:gd name="connsiteY1" fmla="*/ 1501348 h 5223255"/>
              <a:gd name="connsiteX2" fmla="*/ 5603766 w 10511434"/>
              <a:gd name="connsiteY2" fmla="*/ 1402493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399880 w 10511434"/>
              <a:gd name="connsiteY1" fmla="*/ 1501348 h 5223255"/>
              <a:gd name="connsiteX2" fmla="*/ 5603766 w 10511434"/>
              <a:gd name="connsiteY2" fmla="*/ 1402493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03766 w 10511434"/>
              <a:gd name="connsiteY2" fmla="*/ 1402493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84085 w 10511434"/>
              <a:gd name="connsiteY2" fmla="*/ 1340709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84085 w 10511434"/>
              <a:gd name="connsiteY2" fmla="*/ 1340709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84085 w 10511434"/>
              <a:gd name="connsiteY2" fmla="*/ 1340709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542880 w 10511434"/>
              <a:gd name="connsiteY3" fmla="*/ 0 h 5223255"/>
              <a:gd name="connsiteX4" fmla="*/ 10287355 w 10511434"/>
              <a:gd name="connsiteY4" fmla="*/ 3653 h 5223255"/>
              <a:gd name="connsiteX5" fmla="*/ 10511434 w 10511434"/>
              <a:gd name="connsiteY5" fmla="*/ 227694 h 5223255"/>
              <a:gd name="connsiteX6" fmla="*/ 10511434 w 10511434"/>
              <a:gd name="connsiteY6" fmla="*/ 4999214 h 5223255"/>
              <a:gd name="connsiteX7" fmla="*/ 10287355 w 10511434"/>
              <a:gd name="connsiteY7" fmla="*/ 5223255 h 5223255"/>
              <a:gd name="connsiteX8" fmla="*/ 8647340 w 10511434"/>
              <a:gd name="connsiteY8" fmla="*/ 5223255 h 5223255"/>
              <a:gd name="connsiteX9" fmla="*/ 8423260 w 10511434"/>
              <a:gd name="connsiteY9" fmla="*/ 4999214 h 5223255"/>
              <a:gd name="connsiteX10" fmla="*/ 8423260 w 10511434"/>
              <a:gd name="connsiteY10" fmla="*/ 4292262 h 5223255"/>
              <a:gd name="connsiteX11" fmla="*/ 8007038 w 10511434"/>
              <a:gd name="connsiteY11" fmla="*/ 4176974 h 5223255"/>
              <a:gd name="connsiteX12" fmla="*/ 7444469 w 10511434"/>
              <a:gd name="connsiteY12" fmla="*/ 5114449 h 5223255"/>
              <a:gd name="connsiteX13" fmla="*/ 7252326 w 10511434"/>
              <a:gd name="connsiteY13" fmla="*/ 5223202 h 5223255"/>
              <a:gd name="connsiteX14" fmla="*/ 224079 w 10511434"/>
              <a:gd name="connsiteY14" fmla="*/ 5223202 h 5223255"/>
              <a:gd name="connsiteX15" fmla="*/ 0 w 10511434"/>
              <a:gd name="connsiteY15" fmla="*/ 4999161 h 5223255"/>
              <a:gd name="connsiteX16" fmla="*/ 1 w 10511434"/>
              <a:gd name="connsiteY16" fmla="*/ 3745583 h 5223255"/>
              <a:gd name="connsiteX17" fmla="*/ 38115 w 10511434"/>
              <a:gd name="connsiteY17" fmla="*/ 3605582 h 5223255"/>
              <a:gd name="connsiteX18" fmla="*/ 1046754 w 10511434"/>
              <a:gd name="connsiteY18" fmla="*/ 1644645 h 5223255"/>
              <a:gd name="connsiteX19" fmla="*/ 1214184 w 10511434"/>
              <a:gd name="connsiteY19"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51105 w 10511434"/>
              <a:gd name="connsiteY3" fmla="*/ 134574 h 5223255"/>
              <a:gd name="connsiteX4" fmla="*/ 6542880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51105 w 10511434"/>
              <a:gd name="connsiteY3" fmla="*/ 134574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474021 w 10511434"/>
              <a:gd name="connsiteY1" fmla="*/ 1501348 h 5223255"/>
              <a:gd name="connsiteX2" fmla="*/ 5665035 w 10511434"/>
              <a:gd name="connsiteY2" fmla="*/ 1393097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524027 w 10511434"/>
              <a:gd name="connsiteY1" fmla="*/ 1501348 h 5223255"/>
              <a:gd name="connsiteX2" fmla="*/ 5665035 w 10511434"/>
              <a:gd name="connsiteY2" fmla="*/ 1393097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4184 w 10511434"/>
              <a:gd name="connsiteY0" fmla="*/ 1480285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4184 w 10511434"/>
              <a:gd name="connsiteY20" fmla="*/ 1480285 h 5223255"/>
              <a:gd name="connsiteX0" fmla="*/ 1211803 w 10511434"/>
              <a:gd name="connsiteY0" fmla="*/ 1494573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11803 w 10511434"/>
              <a:gd name="connsiteY20" fmla="*/ 1494573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46754 w 10511434"/>
              <a:gd name="connsiteY19" fmla="*/ 1644645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209421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209421 w 10511434"/>
              <a:gd name="connsiteY20" fmla="*/ 1501716 h 5223255"/>
              <a:gd name="connsiteX0" fmla="*/ 1384573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077711 w 10511434"/>
              <a:gd name="connsiteY19" fmla="*/ 1597020 h 5223255"/>
              <a:gd name="connsiteX20" fmla="*/ 1384573 w 10511434"/>
              <a:gd name="connsiteY20" fmla="*/ 1501716 h 5223255"/>
              <a:gd name="connsiteX0" fmla="*/ 1384573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384573 w 10511434"/>
              <a:gd name="connsiteY20" fmla="*/ 1501716 h 5223255"/>
              <a:gd name="connsiteX0" fmla="*/ 1384573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384573 w 10511434"/>
              <a:gd name="connsiteY20" fmla="*/ 1501716 h 5223255"/>
              <a:gd name="connsiteX0" fmla="*/ 1384573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384573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89205 w 10511434"/>
              <a:gd name="connsiteY3" fmla="*/ 67899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63012 w 10511434"/>
              <a:gd name="connsiteY3" fmla="*/ 65518 h 5223255"/>
              <a:gd name="connsiteX4" fmla="*/ 660717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63012 w 10511434"/>
              <a:gd name="connsiteY3" fmla="*/ 65518 h 5223255"/>
              <a:gd name="connsiteX4" fmla="*/ 6561930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63012 w 10511434"/>
              <a:gd name="connsiteY3" fmla="*/ 65518 h 5223255"/>
              <a:gd name="connsiteX4" fmla="*/ 6561930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63012 w 10511434"/>
              <a:gd name="connsiteY3" fmla="*/ 65518 h 5223255"/>
              <a:gd name="connsiteX4" fmla="*/ 658812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46343 w 10511434"/>
              <a:gd name="connsiteY3" fmla="*/ 91712 h 5223255"/>
              <a:gd name="connsiteX4" fmla="*/ 658812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34437 w 10511434"/>
              <a:gd name="connsiteY3" fmla="*/ 101237 h 5223255"/>
              <a:gd name="connsiteX4" fmla="*/ 6588124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16 h 5223255"/>
              <a:gd name="connsiteX1" fmla="*/ 5524027 w 10511434"/>
              <a:gd name="connsiteY1" fmla="*/ 1501348 h 5223255"/>
              <a:gd name="connsiteX2" fmla="*/ 5645985 w 10511434"/>
              <a:gd name="connsiteY2" fmla="*/ 1419291 h 5223255"/>
              <a:gd name="connsiteX3" fmla="*/ 6434437 w 10511434"/>
              <a:gd name="connsiteY3" fmla="*/ 101237 h 5223255"/>
              <a:gd name="connsiteX4" fmla="*/ 6604793 w 10511434"/>
              <a:gd name="connsiteY4" fmla="*/ 0 h 5223255"/>
              <a:gd name="connsiteX5" fmla="*/ 10287355 w 10511434"/>
              <a:gd name="connsiteY5" fmla="*/ 3653 h 5223255"/>
              <a:gd name="connsiteX6" fmla="*/ 10511434 w 10511434"/>
              <a:gd name="connsiteY6" fmla="*/ 227694 h 5223255"/>
              <a:gd name="connsiteX7" fmla="*/ 10511434 w 10511434"/>
              <a:gd name="connsiteY7" fmla="*/ 4999214 h 5223255"/>
              <a:gd name="connsiteX8" fmla="*/ 10287355 w 10511434"/>
              <a:gd name="connsiteY8" fmla="*/ 5223255 h 5223255"/>
              <a:gd name="connsiteX9" fmla="*/ 8647340 w 10511434"/>
              <a:gd name="connsiteY9" fmla="*/ 5223255 h 5223255"/>
              <a:gd name="connsiteX10" fmla="*/ 8423260 w 10511434"/>
              <a:gd name="connsiteY10" fmla="*/ 4999214 h 5223255"/>
              <a:gd name="connsiteX11" fmla="*/ 8423260 w 10511434"/>
              <a:gd name="connsiteY11" fmla="*/ 4292262 h 5223255"/>
              <a:gd name="connsiteX12" fmla="*/ 8007038 w 10511434"/>
              <a:gd name="connsiteY12" fmla="*/ 4176974 h 5223255"/>
              <a:gd name="connsiteX13" fmla="*/ 7444469 w 10511434"/>
              <a:gd name="connsiteY13" fmla="*/ 5114449 h 5223255"/>
              <a:gd name="connsiteX14" fmla="*/ 7252326 w 10511434"/>
              <a:gd name="connsiteY14" fmla="*/ 5223202 h 5223255"/>
              <a:gd name="connsiteX15" fmla="*/ 224079 w 10511434"/>
              <a:gd name="connsiteY15" fmla="*/ 5223202 h 5223255"/>
              <a:gd name="connsiteX16" fmla="*/ 0 w 10511434"/>
              <a:gd name="connsiteY16" fmla="*/ 4999161 h 5223255"/>
              <a:gd name="connsiteX17" fmla="*/ 1 w 10511434"/>
              <a:gd name="connsiteY17" fmla="*/ 3745583 h 5223255"/>
              <a:gd name="connsiteX18" fmla="*/ 38115 w 10511434"/>
              <a:gd name="connsiteY18" fmla="*/ 3605582 h 5223255"/>
              <a:gd name="connsiteX19" fmla="*/ 1252864 w 10511434"/>
              <a:gd name="connsiteY19" fmla="*/ 1594444 h 5223255"/>
              <a:gd name="connsiteX20" fmla="*/ 1402604 w 10511434"/>
              <a:gd name="connsiteY20" fmla="*/ 1501716 h 5223255"/>
              <a:gd name="connsiteX0" fmla="*/ 1402604 w 10511434"/>
              <a:gd name="connsiteY0" fmla="*/ 1501736 h 5223275"/>
              <a:gd name="connsiteX1" fmla="*/ 5524027 w 10511434"/>
              <a:gd name="connsiteY1" fmla="*/ 1501368 h 5223275"/>
              <a:gd name="connsiteX2" fmla="*/ 5645985 w 10511434"/>
              <a:gd name="connsiteY2" fmla="*/ 1419311 h 5223275"/>
              <a:gd name="connsiteX3" fmla="*/ 6434437 w 10511434"/>
              <a:gd name="connsiteY3" fmla="*/ 101257 h 5223275"/>
              <a:gd name="connsiteX4" fmla="*/ 6604793 w 10511434"/>
              <a:gd name="connsiteY4" fmla="*/ 20 h 5223275"/>
              <a:gd name="connsiteX5" fmla="*/ 10287355 w 10511434"/>
              <a:gd name="connsiteY5" fmla="*/ 3673 h 5223275"/>
              <a:gd name="connsiteX6" fmla="*/ 10511434 w 10511434"/>
              <a:gd name="connsiteY6" fmla="*/ 227714 h 5223275"/>
              <a:gd name="connsiteX7" fmla="*/ 10511434 w 10511434"/>
              <a:gd name="connsiteY7" fmla="*/ 4999234 h 5223275"/>
              <a:gd name="connsiteX8" fmla="*/ 10287355 w 10511434"/>
              <a:gd name="connsiteY8" fmla="*/ 5223275 h 5223275"/>
              <a:gd name="connsiteX9" fmla="*/ 8647340 w 10511434"/>
              <a:gd name="connsiteY9" fmla="*/ 5223275 h 5223275"/>
              <a:gd name="connsiteX10" fmla="*/ 8423260 w 10511434"/>
              <a:gd name="connsiteY10" fmla="*/ 4999234 h 5223275"/>
              <a:gd name="connsiteX11" fmla="*/ 8423260 w 10511434"/>
              <a:gd name="connsiteY11" fmla="*/ 4292282 h 5223275"/>
              <a:gd name="connsiteX12" fmla="*/ 8007038 w 10511434"/>
              <a:gd name="connsiteY12" fmla="*/ 4176994 h 5223275"/>
              <a:gd name="connsiteX13" fmla="*/ 7444469 w 10511434"/>
              <a:gd name="connsiteY13" fmla="*/ 5114469 h 5223275"/>
              <a:gd name="connsiteX14" fmla="*/ 7252326 w 10511434"/>
              <a:gd name="connsiteY14" fmla="*/ 5223222 h 5223275"/>
              <a:gd name="connsiteX15" fmla="*/ 224079 w 10511434"/>
              <a:gd name="connsiteY15" fmla="*/ 5223222 h 5223275"/>
              <a:gd name="connsiteX16" fmla="*/ 0 w 10511434"/>
              <a:gd name="connsiteY16" fmla="*/ 4999181 h 5223275"/>
              <a:gd name="connsiteX17" fmla="*/ 1 w 10511434"/>
              <a:gd name="connsiteY17" fmla="*/ 3745603 h 5223275"/>
              <a:gd name="connsiteX18" fmla="*/ 38115 w 10511434"/>
              <a:gd name="connsiteY18" fmla="*/ 3605602 h 5223275"/>
              <a:gd name="connsiteX19" fmla="*/ 1252864 w 10511434"/>
              <a:gd name="connsiteY19" fmla="*/ 1594464 h 5223275"/>
              <a:gd name="connsiteX20" fmla="*/ 1402604 w 10511434"/>
              <a:gd name="connsiteY20" fmla="*/ 1501736 h 5223275"/>
              <a:gd name="connsiteX0" fmla="*/ 1402604 w 10511434"/>
              <a:gd name="connsiteY0" fmla="*/ 1501747 h 5223286"/>
              <a:gd name="connsiteX1" fmla="*/ 5524027 w 10511434"/>
              <a:gd name="connsiteY1" fmla="*/ 1501379 h 5223286"/>
              <a:gd name="connsiteX2" fmla="*/ 5645985 w 10511434"/>
              <a:gd name="connsiteY2" fmla="*/ 1419322 h 5223286"/>
              <a:gd name="connsiteX3" fmla="*/ 6434437 w 10511434"/>
              <a:gd name="connsiteY3" fmla="*/ 101268 h 5223286"/>
              <a:gd name="connsiteX4" fmla="*/ 6604793 w 10511434"/>
              <a:gd name="connsiteY4" fmla="*/ 31 h 5223286"/>
              <a:gd name="connsiteX5" fmla="*/ 10287355 w 10511434"/>
              <a:gd name="connsiteY5" fmla="*/ 3684 h 5223286"/>
              <a:gd name="connsiteX6" fmla="*/ 10511434 w 10511434"/>
              <a:gd name="connsiteY6" fmla="*/ 227725 h 5223286"/>
              <a:gd name="connsiteX7" fmla="*/ 10511434 w 10511434"/>
              <a:gd name="connsiteY7" fmla="*/ 4999245 h 5223286"/>
              <a:gd name="connsiteX8" fmla="*/ 10287355 w 10511434"/>
              <a:gd name="connsiteY8" fmla="*/ 5223286 h 5223286"/>
              <a:gd name="connsiteX9" fmla="*/ 8647340 w 10511434"/>
              <a:gd name="connsiteY9" fmla="*/ 5223286 h 5223286"/>
              <a:gd name="connsiteX10" fmla="*/ 8423260 w 10511434"/>
              <a:gd name="connsiteY10" fmla="*/ 4999245 h 5223286"/>
              <a:gd name="connsiteX11" fmla="*/ 8423260 w 10511434"/>
              <a:gd name="connsiteY11" fmla="*/ 4292293 h 5223286"/>
              <a:gd name="connsiteX12" fmla="*/ 8007038 w 10511434"/>
              <a:gd name="connsiteY12" fmla="*/ 4177005 h 5223286"/>
              <a:gd name="connsiteX13" fmla="*/ 7444469 w 10511434"/>
              <a:gd name="connsiteY13" fmla="*/ 5114480 h 5223286"/>
              <a:gd name="connsiteX14" fmla="*/ 7252326 w 10511434"/>
              <a:gd name="connsiteY14" fmla="*/ 5223233 h 5223286"/>
              <a:gd name="connsiteX15" fmla="*/ 224079 w 10511434"/>
              <a:gd name="connsiteY15" fmla="*/ 5223233 h 5223286"/>
              <a:gd name="connsiteX16" fmla="*/ 0 w 10511434"/>
              <a:gd name="connsiteY16" fmla="*/ 4999192 h 5223286"/>
              <a:gd name="connsiteX17" fmla="*/ 1 w 10511434"/>
              <a:gd name="connsiteY17" fmla="*/ 3745614 h 5223286"/>
              <a:gd name="connsiteX18" fmla="*/ 38115 w 10511434"/>
              <a:gd name="connsiteY18" fmla="*/ 3605613 h 5223286"/>
              <a:gd name="connsiteX19" fmla="*/ 1252864 w 10511434"/>
              <a:gd name="connsiteY19" fmla="*/ 1594475 h 5223286"/>
              <a:gd name="connsiteX20" fmla="*/ 1402604 w 10511434"/>
              <a:gd name="connsiteY20" fmla="*/ 1501747 h 5223286"/>
              <a:gd name="connsiteX0" fmla="*/ 1402604 w 10511434"/>
              <a:gd name="connsiteY0" fmla="*/ 1501747 h 5223286"/>
              <a:gd name="connsiteX1" fmla="*/ 5524027 w 10511434"/>
              <a:gd name="connsiteY1" fmla="*/ 1501379 h 5223286"/>
              <a:gd name="connsiteX2" fmla="*/ 5645985 w 10511434"/>
              <a:gd name="connsiteY2" fmla="*/ 1419322 h 5223286"/>
              <a:gd name="connsiteX3" fmla="*/ 6434437 w 10511434"/>
              <a:gd name="connsiteY3" fmla="*/ 101268 h 5223286"/>
              <a:gd name="connsiteX4" fmla="*/ 6604793 w 10511434"/>
              <a:gd name="connsiteY4" fmla="*/ 31 h 5223286"/>
              <a:gd name="connsiteX5" fmla="*/ 10287355 w 10511434"/>
              <a:gd name="connsiteY5" fmla="*/ 3684 h 5223286"/>
              <a:gd name="connsiteX6" fmla="*/ 10511434 w 10511434"/>
              <a:gd name="connsiteY6" fmla="*/ 227725 h 5223286"/>
              <a:gd name="connsiteX7" fmla="*/ 10511434 w 10511434"/>
              <a:gd name="connsiteY7" fmla="*/ 4999245 h 5223286"/>
              <a:gd name="connsiteX8" fmla="*/ 10287355 w 10511434"/>
              <a:gd name="connsiteY8" fmla="*/ 5223286 h 5223286"/>
              <a:gd name="connsiteX9" fmla="*/ 8647340 w 10511434"/>
              <a:gd name="connsiteY9" fmla="*/ 5223286 h 5223286"/>
              <a:gd name="connsiteX10" fmla="*/ 8423260 w 10511434"/>
              <a:gd name="connsiteY10" fmla="*/ 4999245 h 5223286"/>
              <a:gd name="connsiteX11" fmla="*/ 8423260 w 10511434"/>
              <a:gd name="connsiteY11" fmla="*/ 4292293 h 5223286"/>
              <a:gd name="connsiteX12" fmla="*/ 8007038 w 10511434"/>
              <a:gd name="connsiteY12" fmla="*/ 4177005 h 5223286"/>
              <a:gd name="connsiteX13" fmla="*/ 7444469 w 10511434"/>
              <a:gd name="connsiteY13" fmla="*/ 5114480 h 5223286"/>
              <a:gd name="connsiteX14" fmla="*/ 7252326 w 10511434"/>
              <a:gd name="connsiteY14" fmla="*/ 5223233 h 5223286"/>
              <a:gd name="connsiteX15" fmla="*/ 224079 w 10511434"/>
              <a:gd name="connsiteY15" fmla="*/ 5223233 h 5223286"/>
              <a:gd name="connsiteX16" fmla="*/ 0 w 10511434"/>
              <a:gd name="connsiteY16" fmla="*/ 4999192 h 5223286"/>
              <a:gd name="connsiteX17" fmla="*/ 1 w 10511434"/>
              <a:gd name="connsiteY17" fmla="*/ 3745614 h 5223286"/>
              <a:gd name="connsiteX18" fmla="*/ 38115 w 10511434"/>
              <a:gd name="connsiteY18" fmla="*/ 3605613 h 5223286"/>
              <a:gd name="connsiteX19" fmla="*/ 1252864 w 10511434"/>
              <a:gd name="connsiteY19" fmla="*/ 1594475 h 5223286"/>
              <a:gd name="connsiteX20" fmla="*/ 1402604 w 10511434"/>
              <a:gd name="connsiteY20" fmla="*/ 1501747 h 5223286"/>
              <a:gd name="connsiteX0" fmla="*/ 1419201 w 10528031"/>
              <a:gd name="connsiteY0" fmla="*/ 1501747 h 5223534"/>
              <a:gd name="connsiteX1" fmla="*/ 5540624 w 10528031"/>
              <a:gd name="connsiteY1" fmla="*/ 1501379 h 5223534"/>
              <a:gd name="connsiteX2" fmla="*/ 5662582 w 10528031"/>
              <a:gd name="connsiteY2" fmla="*/ 1419322 h 5223534"/>
              <a:gd name="connsiteX3" fmla="*/ 6451034 w 10528031"/>
              <a:gd name="connsiteY3" fmla="*/ 101268 h 5223534"/>
              <a:gd name="connsiteX4" fmla="*/ 6621390 w 10528031"/>
              <a:gd name="connsiteY4" fmla="*/ 31 h 5223534"/>
              <a:gd name="connsiteX5" fmla="*/ 10303952 w 10528031"/>
              <a:gd name="connsiteY5" fmla="*/ 3684 h 5223534"/>
              <a:gd name="connsiteX6" fmla="*/ 10528031 w 10528031"/>
              <a:gd name="connsiteY6" fmla="*/ 227725 h 5223534"/>
              <a:gd name="connsiteX7" fmla="*/ 10528031 w 10528031"/>
              <a:gd name="connsiteY7" fmla="*/ 4999245 h 5223534"/>
              <a:gd name="connsiteX8" fmla="*/ 10303952 w 10528031"/>
              <a:gd name="connsiteY8" fmla="*/ 5223286 h 5223534"/>
              <a:gd name="connsiteX9" fmla="*/ 8663937 w 10528031"/>
              <a:gd name="connsiteY9" fmla="*/ 5223286 h 5223534"/>
              <a:gd name="connsiteX10" fmla="*/ 8439857 w 10528031"/>
              <a:gd name="connsiteY10" fmla="*/ 4999245 h 5223534"/>
              <a:gd name="connsiteX11" fmla="*/ 8439857 w 10528031"/>
              <a:gd name="connsiteY11" fmla="*/ 4292293 h 5223534"/>
              <a:gd name="connsiteX12" fmla="*/ 8023635 w 10528031"/>
              <a:gd name="connsiteY12" fmla="*/ 4177005 h 5223534"/>
              <a:gd name="connsiteX13" fmla="*/ 7461066 w 10528031"/>
              <a:gd name="connsiteY13" fmla="*/ 5114480 h 5223534"/>
              <a:gd name="connsiteX14" fmla="*/ 7268923 w 10528031"/>
              <a:gd name="connsiteY14" fmla="*/ 5223233 h 5223534"/>
              <a:gd name="connsiteX15" fmla="*/ 240676 w 10528031"/>
              <a:gd name="connsiteY15" fmla="*/ 5223233 h 5223534"/>
              <a:gd name="connsiteX16" fmla="*/ 16597 w 10528031"/>
              <a:gd name="connsiteY16" fmla="*/ 4999192 h 5223534"/>
              <a:gd name="connsiteX17" fmla="*/ 16598 w 10528031"/>
              <a:gd name="connsiteY17" fmla="*/ 3771014 h 5223534"/>
              <a:gd name="connsiteX18" fmla="*/ 54712 w 10528031"/>
              <a:gd name="connsiteY18" fmla="*/ 3605613 h 5223534"/>
              <a:gd name="connsiteX19" fmla="*/ 1269461 w 10528031"/>
              <a:gd name="connsiteY19" fmla="*/ 1594475 h 5223534"/>
              <a:gd name="connsiteX20" fmla="*/ 1419201 w 10528031"/>
              <a:gd name="connsiteY20" fmla="*/ 1501747 h 5223534"/>
              <a:gd name="connsiteX0" fmla="*/ 1419201 w 10528031"/>
              <a:gd name="connsiteY0" fmla="*/ 1501747 h 5223534"/>
              <a:gd name="connsiteX1" fmla="*/ 5540624 w 10528031"/>
              <a:gd name="connsiteY1" fmla="*/ 1501379 h 5223534"/>
              <a:gd name="connsiteX2" fmla="*/ 5662582 w 10528031"/>
              <a:gd name="connsiteY2" fmla="*/ 1419322 h 5223534"/>
              <a:gd name="connsiteX3" fmla="*/ 6451034 w 10528031"/>
              <a:gd name="connsiteY3" fmla="*/ 101268 h 5223534"/>
              <a:gd name="connsiteX4" fmla="*/ 6621390 w 10528031"/>
              <a:gd name="connsiteY4" fmla="*/ 31 h 5223534"/>
              <a:gd name="connsiteX5" fmla="*/ 10303952 w 10528031"/>
              <a:gd name="connsiteY5" fmla="*/ 3684 h 5223534"/>
              <a:gd name="connsiteX6" fmla="*/ 10528031 w 10528031"/>
              <a:gd name="connsiteY6" fmla="*/ 227725 h 5223534"/>
              <a:gd name="connsiteX7" fmla="*/ 10528031 w 10528031"/>
              <a:gd name="connsiteY7" fmla="*/ 4999245 h 5223534"/>
              <a:gd name="connsiteX8" fmla="*/ 10303952 w 10528031"/>
              <a:gd name="connsiteY8" fmla="*/ 5223286 h 5223534"/>
              <a:gd name="connsiteX9" fmla="*/ 8663937 w 10528031"/>
              <a:gd name="connsiteY9" fmla="*/ 5223286 h 5223534"/>
              <a:gd name="connsiteX10" fmla="*/ 8439857 w 10528031"/>
              <a:gd name="connsiteY10" fmla="*/ 4999245 h 5223534"/>
              <a:gd name="connsiteX11" fmla="*/ 8439857 w 10528031"/>
              <a:gd name="connsiteY11" fmla="*/ 4292293 h 5223534"/>
              <a:gd name="connsiteX12" fmla="*/ 8023635 w 10528031"/>
              <a:gd name="connsiteY12" fmla="*/ 4177005 h 5223534"/>
              <a:gd name="connsiteX13" fmla="*/ 7461066 w 10528031"/>
              <a:gd name="connsiteY13" fmla="*/ 5114480 h 5223534"/>
              <a:gd name="connsiteX14" fmla="*/ 7268923 w 10528031"/>
              <a:gd name="connsiteY14" fmla="*/ 5223233 h 5223534"/>
              <a:gd name="connsiteX15" fmla="*/ 240676 w 10528031"/>
              <a:gd name="connsiteY15" fmla="*/ 5223233 h 5223534"/>
              <a:gd name="connsiteX16" fmla="*/ 16597 w 10528031"/>
              <a:gd name="connsiteY16" fmla="*/ 4999192 h 5223534"/>
              <a:gd name="connsiteX17" fmla="*/ 16598 w 10528031"/>
              <a:gd name="connsiteY17" fmla="*/ 3771014 h 5223534"/>
              <a:gd name="connsiteX18" fmla="*/ 54712 w 10528031"/>
              <a:gd name="connsiteY18" fmla="*/ 3605613 h 5223534"/>
              <a:gd name="connsiteX19" fmla="*/ 1269461 w 10528031"/>
              <a:gd name="connsiteY19" fmla="*/ 1594475 h 5223534"/>
              <a:gd name="connsiteX20" fmla="*/ 1419201 w 10528031"/>
              <a:gd name="connsiteY20" fmla="*/ 1501747 h 5223534"/>
              <a:gd name="connsiteX0" fmla="*/ 1404151 w 10512981"/>
              <a:gd name="connsiteY0" fmla="*/ 1501747 h 5223674"/>
              <a:gd name="connsiteX1" fmla="*/ 5525574 w 10512981"/>
              <a:gd name="connsiteY1" fmla="*/ 1501379 h 5223674"/>
              <a:gd name="connsiteX2" fmla="*/ 5647532 w 10512981"/>
              <a:gd name="connsiteY2" fmla="*/ 1419322 h 5223674"/>
              <a:gd name="connsiteX3" fmla="*/ 6435984 w 10512981"/>
              <a:gd name="connsiteY3" fmla="*/ 101268 h 5223674"/>
              <a:gd name="connsiteX4" fmla="*/ 6606340 w 10512981"/>
              <a:gd name="connsiteY4" fmla="*/ 31 h 5223674"/>
              <a:gd name="connsiteX5" fmla="*/ 10288902 w 10512981"/>
              <a:gd name="connsiteY5" fmla="*/ 3684 h 5223674"/>
              <a:gd name="connsiteX6" fmla="*/ 10512981 w 10512981"/>
              <a:gd name="connsiteY6" fmla="*/ 227725 h 5223674"/>
              <a:gd name="connsiteX7" fmla="*/ 10512981 w 10512981"/>
              <a:gd name="connsiteY7" fmla="*/ 4999245 h 5223674"/>
              <a:gd name="connsiteX8" fmla="*/ 10288902 w 10512981"/>
              <a:gd name="connsiteY8" fmla="*/ 5223286 h 5223674"/>
              <a:gd name="connsiteX9" fmla="*/ 8648887 w 10512981"/>
              <a:gd name="connsiteY9" fmla="*/ 5223286 h 5223674"/>
              <a:gd name="connsiteX10" fmla="*/ 8424807 w 10512981"/>
              <a:gd name="connsiteY10" fmla="*/ 4999245 h 5223674"/>
              <a:gd name="connsiteX11" fmla="*/ 8424807 w 10512981"/>
              <a:gd name="connsiteY11" fmla="*/ 4292293 h 5223674"/>
              <a:gd name="connsiteX12" fmla="*/ 8008585 w 10512981"/>
              <a:gd name="connsiteY12" fmla="*/ 4177005 h 5223674"/>
              <a:gd name="connsiteX13" fmla="*/ 7446016 w 10512981"/>
              <a:gd name="connsiteY13" fmla="*/ 5114480 h 5223674"/>
              <a:gd name="connsiteX14" fmla="*/ 7253873 w 10512981"/>
              <a:gd name="connsiteY14" fmla="*/ 5223233 h 5223674"/>
              <a:gd name="connsiteX15" fmla="*/ 225626 w 10512981"/>
              <a:gd name="connsiteY15" fmla="*/ 5223233 h 5223674"/>
              <a:gd name="connsiteX16" fmla="*/ 1547 w 10512981"/>
              <a:gd name="connsiteY16" fmla="*/ 4999192 h 5223674"/>
              <a:gd name="connsiteX17" fmla="*/ 1548 w 10512981"/>
              <a:gd name="connsiteY17" fmla="*/ 3771014 h 5223674"/>
              <a:gd name="connsiteX18" fmla="*/ 39662 w 10512981"/>
              <a:gd name="connsiteY18" fmla="*/ 3605613 h 5223674"/>
              <a:gd name="connsiteX19" fmla="*/ 1254411 w 10512981"/>
              <a:gd name="connsiteY19" fmla="*/ 1594475 h 5223674"/>
              <a:gd name="connsiteX20" fmla="*/ 1404151 w 10512981"/>
              <a:gd name="connsiteY20" fmla="*/ 1501747 h 5223674"/>
              <a:gd name="connsiteX0" fmla="*/ 1403076 w 10511906"/>
              <a:gd name="connsiteY0" fmla="*/ 1501747 h 5223674"/>
              <a:gd name="connsiteX1" fmla="*/ 5524499 w 10511906"/>
              <a:gd name="connsiteY1" fmla="*/ 1501379 h 5223674"/>
              <a:gd name="connsiteX2" fmla="*/ 5646457 w 10511906"/>
              <a:gd name="connsiteY2" fmla="*/ 1419322 h 5223674"/>
              <a:gd name="connsiteX3" fmla="*/ 6434909 w 10511906"/>
              <a:gd name="connsiteY3" fmla="*/ 101268 h 5223674"/>
              <a:gd name="connsiteX4" fmla="*/ 6605265 w 10511906"/>
              <a:gd name="connsiteY4" fmla="*/ 31 h 5223674"/>
              <a:gd name="connsiteX5" fmla="*/ 10287827 w 10511906"/>
              <a:gd name="connsiteY5" fmla="*/ 3684 h 5223674"/>
              <a:gd name="connsiteX6" fmla="*/ 10511906 w 10511906"/>
              <a:gd name="connsiteY6" fmla="*/ 227725 h 5223674"/>
              <a:gd name="connsiteX7" fmla="*/ 10511906 w 10511906"/>
              <a:gd name="connsiteY7" fmla="*/ 4999245 h 5223674"/>
              <a:gd name="connsiteX8" fmla="*/ 10287827 w 10511906"/>
              <a:gd name="connsiteY8" fmla="*/ 5223286 h 5223674"/>
              <a:gd name="connsiteX9" fmla="*/ 8647812 w 10511906"/>
              <a:gd name="connsiteY9" fmla="*/ 5223286 h 5223674"/>
              <a:gd name="connsiteX10" fmla="*/ 8423732 w 10511906"/>
              <a:gd name="connsiteY10" fmla="*/ 4999245 h 5223674"/>
              <a:gd name="connsiteX11" fmla="*/ 8423732 w 10511906"/>
              <a:gd name="connsiteY11" fmla="*/ 4292293 h 5223674"/>
              <a:gd name="connsiteX12" fmla="*/ 8007510 w 10511906"/>
              <a:gd name="connsiteY12" fmla="*/ 4177005 h 5223674"/>
              <a:gd name="connsiteX13" fmla="*/ 7444941 w 10511906"/>
              <a:gd name="connsiteY13" fmla="*/ 5114480 h 5223674"/>
              <a:gd name="connsiteX14" fmla="*/ 7252798 w 10511906"/>
              <a:gd name="connsiteY14" fmla="*/ 5223233 h 5223674"/>
              <a:gd name="connsiteX15" fmla="*/ 224551 w 10511906"/>
              <a:gd name="connsiteY15" fmla="*/ 5223233 h 5223674"/>
              <a:gd name="connsiteX16" fmla="*/ 472 w 10511906"/>
              <a:gd name="connsiteY16" fmla="*/ 4999192 h 5223674"/>
              <a:gd name="connsiteX17" fmla="*/ 473 w 10511906"/>
              <a:gd name="connsiteY17" fmla="*/ 3771014 h 5223674"/>
              <a:gd name="connsiteX18" fmla="*/ 38587 w 10511906"/>
              <a:gd name="connsiteY18" fmla="*/ 3605613 h 5223674"/>
              <a:gd name="connsiteX19" fmla="*/ 1253336 w 10511906"/>
              <a:gd name="connsiteY19" fmla="*/ 1594475 h 5223674"/>
              <a:gd name="connsiteX20" fmla="*/ 1403076 w 10511906"/>
              <a:gd name="connsiteY20" fmla="*/ 1501747 h 5223674"/>
              <a:gd name="connsiteX0" fmla="*/ 1403409 w 10512239"/>
              <a:gd name="connsiteY0" fmla="*/ 1501747 h 5223286"/>
              <a:gd name="connsiteX1" fmla="*/ 5524832 w 10512239"/>
              <a:gd name="connsiteY1" fmla="*/ 1501379 h 5223286"/>
              <a:gd name="connsiteX2" fmla="*/ 5646790 w 10512239"/>
              <a:gd name="connsiteY2" fmla="*/ 1419322 h 5223286"/>
              <a:gd name="connsiteX3" fmla="*/ 6435242 w 10512239"/>
              <a:gd name="connsiteY3" fmla="*/ 101268 h 5223286"/>
              <a:gd name="connsiteX4" fmla="*/ 6605598 w 10512239"/>
              <a:gd name="connsiteY4" fmla="*/ 31 h 5223286"/>
              <a:gd name="connsiteX5" fmla="*/ 10288160 w 10512239"/>
              <a:gd name="connsiteY5" fmla="*/ 3684 h 5223286"/>
              <a:gd name="connsiteX6" fmla="*/ 10512239 w 10512239"/>
              <a:gd name="connsiteY6" fmla="*/ 227725 h 5223286"/>
              <a:gd name="connsiteX7" fmla="*/ 10512239 w 10512239"/>
              <a:gd name="connsiteY7" fmla="*/ 4999245 h 5223286"/>
              <a:gd name="connsiteX8" fmla="*/ 10288160 w 10512239"/>
              <a:gd name="connsiteY8" fmla="*/ 5223286 h 5223286"/>
              <a:gd name="connsiteX9" fmla="*/ 8648145 w 10512239"/>
              <a:gd name="connsiteY9" fmla="*/ 5223286 h 5223286"/>
              <a:gd name="connsiteX10" fmla="*/ 8424065 w 10512239"/>
              <a:gd name="connsiteY10" fmla="*/ 4999245 h 5223286"/>
              <a:gd name="connsiteX11" fmla="*/ 8424065 w 10512239"/>
              <a:gd name="connsiteY11" fmla="*/ 4292293 h 5223286"/>
              <a:gd name="connsiteX12" fmla="*/ 8007843 w 10512239"/>
              <a:gd name="connsiteY12" fmla="*/ 4177005 h 5223286"/>
              <a:gd name="connsiteX13" fmla="*/ 7445274 w 10512239"/>
              <a:gd name="connsiteY13" fmla="*/ 5114480 h 5223286"/>
              <a:gd name="connsiteX14" fmla="*/ 7253131 w 10512239"/>
              <a:gd name="connsiteY14" fmla="*/ 5223233 h 5223286"/>
              <a:gd name="connsiteX15" fmla="*/ 224884 w 10512239"/>
              <a:gd name="connsiteY15" fmla="*/ 5223233 h 5223286"/>
              <a:gd name="connsiteX16" fmla="*/ 805 w 10512239"/>
              <a:gd name="connsiteY16" fmla="*/ 4999192 h 5223286"/>
              <a:gd name="connsiteX17" fmla="*/ 806 w 10512239"/>
              <a:gd name="connsiteY17" fmla="*/ 3771014 h 5223286"/>
              <a:gd name="connsiteX18" fmla="*/ 38920 w 10512239"/>
              <a:gd name="connsiteY18" fmla="*/ 3605613 h 5223286"/>
              <a:gd name="connsiteX19" fmla="*/ 1253669 w 10512239"/>
              <a:gd name="connsiteY19" fmla="*/ 1594475 h 5223286"/>
              <a:gd name="connsiteX20" fmla="*/ 1403409 w 10512239"/>
              <a:gd name="connsiteY20" fmla="*/ 1501747 h 5223286"/>
              <a:gd name="connsiteX0" fmla="*/ 1403614 w 10512444"/>
              <a:gd name="connsiteY0" fmla="*/ 1501747 h 5223286"/>
              <a:gd name="connsiteX1" fmla="*/ 5525037 w 10512444"/>
              <a:gd name="connsiteY1" fmla="*/ 1501379 h 5223286"/>
              <a:gd name="connsiteX2" fmla="*/ 5646995 w 10512444"/>
              <a:gd name="connsiteY2" fmla="*/ 1419322 h 5223286"/>
              <a:gd name="connsiteX3" fmla="*/ 6435447 w 10512444"/>
              <a:gd name="connsiteY3" fmla="*/ 101268 h 5223286"/>
              <a:gd name="connsiteX4" fmla="*/ 6605803 w 10512444"/>
              <a:gd name="connsiteY4" fmla="*/ 31 h 5223286"/>
              <a:gd name="connsiteX5" fmla="*/ 10288365 w 10512444"/>
              <a:gd name="connsiteY5" fmla="*/ 3684 h 5223286"/>
              <a:gd name="connsiteX6" fmla="*/ 10512444 w 10512444"/>
              <a:gd name="connsiteY6" fmla="*/ 227725 h 5223286"/>
              <a:gd name="connsiteX7" fmla="*/ 10512444 w 10512444"/>
              <a:gd name="connsiteY7" fmla="*/ 4999245 h 5223286"/>
              <a:gd name="connsiteX8" fmla="*/ 10288365 w 10512444"/>
              <a:gd name="connsiteY8" fmla="*/ 5223286 h 5223286"/>
              <a:gd name="connsiteX9" fmla="*/ 8648350 w 10512444"/>
              <a:gd name="connsiteY9" fmla="*/ 5223286 h 5223286"/>
              <a:gd name="connsiteX10" fmla="*/ 8424270 w 10512444"/>
              <a:gd name="connsiteY10" fmla="*/ 4999245 h 5223286"/>
              <a:gd name="connsiteX11" fmla="*/ 8424270 w 10512444"/>
              <a:gd name="connsiteY11" fmla="*/ 4292293 h 5223286"/>
              <a:gd name="connsiteX12" fmla="*/ 8008048 w 10512444"/>
              <a:gd name="connsiteY12" fmla="*/ 4177005 h 5223286"/>
              <a:gd name="connsiteX13" fmla="*/ 7445479 w 10512444"/>
              <a:gd name="connsiteY13" fmla="*/ 5114480 h 5223286"/>
              <a:gd name="connsiteX14" fmla="*/ 7253336 w 10512444"/>
              <a:gd name="connsiteY14" fmla="*/ 5223233 h 5223286"/>
              <a:gd name="connsiteX15" fmla="*/ 225089 w 10512444"/>
              <a:gd name="connsiteY15" fmla="*/ 5223233 h 5223286"/>
              <a:gd name="connsiteX16" fmla="*/ 1010 w 10512444"/>
              <a:gd name="connsiteY16" fmla="*/ 4999192 h 5223286"/>
              <a:gd name="connsiteX17" fmla="*/ 1011 w 10512444"/>
              <a:gd name="connsiteY17" fmla="*/ 3771014 h 5223286"/>
              <a:gd name="connsiteX18" fmla="*/ 39125 w 10512444"/>
              <a:gd name="connsiteY18" fmla="*/ 3605613 h 5223286"/>
              <a:gd name="connsiteX19" fmla="*/ 1253874 w 10512444"/>
              <a:gd name="connsiteY19" fmla="*/ 1594475 h 5223286"/>
              <a:gd name="connsiteX20" fmla="*/ 1403614 w 10512444"/>
              <a:gd name="connsiteY20" fmla="*/ 1501747 h 5223286"/>
              <a:gd name="connsiteX0" fmla="*/ 1402733 w 10511563"/>
              <a:gd name="connsiteY0" fmla="*/ 1501747 h 5223286"/>
              <a:gd name="connsiteX1" fmla="*/ 5524156 w 10511563"/>
              <a:gd name="connsiteY1" fmla="*/ 1501379 h 5223286"/>
              <a:gd name="connsiteX2" fmla="*/ 5646114 w 10511563"/>
              <a:gd name="connsiteY2" fmla="*/ 1419322 h 5223286"/>
              <a:gd name="connsiteX3" fmla="*/ 6434566 w 10511563"/>
              <a:gd name="connsiteY3" fmla="*/ 101268 h 5223286"/>
              <a:gd name="connsiteX4" fmla="*/ 6604922 w 10511563"/>
              <a:gd name="connsiteY4" fmla="*/ 31 h 5223286"/>
              <a:gd name="connsiteX5" fmla="*/ 10287484 w 10511563"/>
              <a:gd name="connsiteY5" fmla="*/ 3684 h 5223286"/>
              <a:gd name="connsiteX6" fmla="*/ 10511563 w 10511563"/>
              <a:gd name="connsiteY6" fmla="*/ 227725 h 5223286"/>
              <a:gd name="connsiteX7" fmla="*/ 10511563 w 10511563"/>
              <a:gd name="connsiteY7" fmla="*/ 4999245 h 5223286"/>
              <a:gd name="connsiteX8" fmla="*/ 10287484 w 10511563"/>
              <a:gd name="connsiteY8" fmla="*/ 5223286 h 5223286"/>
              <a:gd name="connsiteX9" fmla="*/ 8647469 w 10511563"/>
              <a:gd name="connsiteY9" fmla="*/ 5223286 h 5223286"/>
              <a:gd name="connsiteX10" fmla="*/ 8423389 w 10511563"/>
              <a:gd name="connsiteY10" fmla="*/ 4999245 h 5223286"/>
              <a:gd name="connsiteX11" fmla="*/ 8423389 w 10511563"/>
              <a:gd name="connsiteY11" fmla="*/ 4292293 h 5223286"/>
              <a:gd name="connsiteX12" fmla="*/ 8007167 w 10511563"/>
              <a:gd name="connsiteY12" fmla="*/ 4177005 h 5223286"/>
              <a:gd name="connsiteX13" fmla="*/ 7444598 w 10511563"/>
              <a:gd name="connsiteY13" fmla="*/ 5114480 h 5223286"/>
              <a:gd name="connsiteX14" fmla="*/ 7252455 w 10511563"/>
              <a:gd name="connsiteY14" fmla="*/ 5223233 h 5223286"/>
              <a:gd name="connsiteX15" fmla="*/ 224208 w 10511563"/>
              <a:gd name="connsiteY15" fmla="*/ 5223233 h 5223286"/>
              <a:gd name="connsiteX16" fmla="*/ 129 w 10511563"/>
              <a:gd name="connsiteY16" fmla="*/ 4999192 h 5223286"/>
              <a:gd name="connsiteX17" fmla="*/ 130 w 10511563"/>
              <a:gd name="connsiteY17" fmla="*/ 3771014 h 5223286"/>
              <a:gd name="connsiteX18" fmla="*/ 38244 w 10511563"/>
              <a:gd name="connsiteY18" fmla="*/ 3605613 h 5223286"/>
              <a:gd name="connsiteX19" fmla="*/ 1252993 w 10511563"/>
              <a:gd name="connsiteY19" fmla="*/ 1594475 h 5223286"/>
              <a:gd name="connsiteX20" fmla="*/ 1402733 w 10511563"/>
              <a:gd name="connsiteY20" fmla="*/ 1501747 h 5223286"/>
              <a:gd name="connsiteX0" fmla="*/ 1402628 w 10511458"/>
              <a:gd name="connsiteY0" fmla="*/ 1501747 h 5223286"/>
              <a:gd name="connsiteX1" fmla="*/ 5524051 w 10511458"/>
              <a:gd name="connsiteY1" fmla="*/ 1501379 h 5223286"/>
              <a:gd name="connsiteX2" fmla="*/ 5646009 w 10511458"/>
              <a:gd name="connsiteY2" fmla="*/ 1419322 h 5223286"/>
              <a:gd name="connsiteX3" fmla="*/ 6434461 w 10511458"/>
              <a:gd name="connsiteY3" fmla="*/ 101268 h 5223286"/>
              <a:gd name="connsiteX4" fmla="*/ 6604817 w 10511458"/>
              <a:gd name="connsiteY4" fmla="*/ 31 h 5223286"/>
              <a:gd name="connsiteX5" fmla="*/ 10287379 w 10511458"/>
              <a:gd name="connsiteY5" fmla="*/ 3684 h 5223286"/>
              <a:gd name="connsiteX6" fmla="*/ 10511458 w 10511458"/>
              <a:gd name="connsiteY6" fmla="*/ 227725 h 5223286"/>
              <a:gd name="connsiteX7" fmla="*/ 10511458 w 10511458"/>
              <a:gd name="connsiteY7" fmla="*/ 4999245 h 5223286"/>
              <a:gd name="connsiteX8" fmla="*/ 10287379 w 10511458"/>
              <a:gd name="connsiteY8" fmla="*/ 5223286 h 5223286"/>
              <a:gd name="connsiteX9" fmla="*/ 8647364 w 10511458"/>
              <a:gd name="connsiteY9" fmla="*/ 5223286 h 5223286"/>
              <a:gd name="connsiteX10" fmla="*/ 8423284 w 10511458"/>
              <a:gd name="connsiteY10" fmla="*/ 4999245 h 5223286"/>
              <a:gd name="connsiteX11" fmla="*/ 8423284 w 10511458"/>
              <a:gd name="connsiteY11" fmla="*/ 4292293 h 5223286"/>
              <a:gd name="connsiteX12" fmla="*/ 8007062 w 10511458"/>
              <a:gd name="connsiteY12" fmla="*/ 4177005 h 5223286"/>
              <a:gd name="connsiteX13" fmla="*/ 7444493 w 10511458"/>
              <a:gd name="connsiteY13" fmla="*/ 5114480 h 5223286"/>
              <a:gd name="connsiteX14" fmla="*/ 7252350 w 10511458"/>
              <a:gd name="connsiteY14" fmla="*/ 5223233 h 5223286"/>
              <a:gd name="connsiteX15" fmla="*/ 224103 w 10511458"/>
              <a:gd name="connsiteY15" fmla="*/ 5223233 h 5223286"/>
              <a:gd name="connsiteX16" fmla="*/ 24 w 10511458"/>
              <a:gd name="connsiteY16" fmla="*/ 4999192 h 5223286"/>
              <a:gd name="connsiteX17" fmla="*/ 25 w 10511458"/>
              <a:gd name="connsiteY17" fmla="*/ 3771014 h 5223286"/>
              <a:gd name="connsiteX18" fmla="*/ 38139 w 10511458"/>
              <a:gd name="connsiteY18" fmla="*/ 3605613 h 5223286"/>
              <a:gd name="connsiteX19" fmla="*/ 1252888 w 10511458"/>
              <a:gd name="connsiteY19" fmla="*/ 1594475 h 5223286"/>
              <a:gd name="connsiteX20" fmla="*/ 1402628 w 10511458"/>
              <a:gd name="connsiteY20" fmla="*/ 1501747 h 5223286"/>
              <a:gd name="connsiteX0" fmla="*/ 1402611 w 10511441"/>
              <a:gd name="connsiteY0" fmla="*/ 1501747 h 5223286"/>
              <a:gd name="connsiteX1" fmla="*/ 5524034 w 10511441"/>
              <a:gd name="connsiteY1" fmla="*/ 1501379 h 5223286"/>
              <a:gd name="connsiteX2" fmla="*/ 5645992 w 10511441"/>
              <a:gd name="connsiteY2" fmla="*/ 1419322 h 5223286"/>
              <a:gd name="connsiteX3" fmla="*/ 6434444 w 10511441"/>
              <a:gd name="connsiteY3" fmla="*/ 101268 h 5223286"/>
              <a:gd name="connsiteX4" fmla="*/ 6604800 w 10511441"/>
              <a:gd name="connsiteY4" fmla="*/ 31 h 5223286"/>
              <a:gd name="connsiteX5" fmla="*/ 10287362 w 10511441"/>
              <a:gd name="connsiteY5" fmla="*/ 3684 h 5223286"/>
              <a:gd name="connsiteX6" fmla="*/ 10511441 w 10511441"/>
              <a:gd name="connsiteY6" fmla="*/ 227725 h 5223286"/>
              <a:gd name="connsiteX7" fmla="*/ 10511441 w 10511441"/>
              <a:gd name="connsiteY7" fmla="*/ 4999245 h 5223286"/>
              <a:gd name="connsiteX8" fmla="*/ 10287362 w 10511441"/>
              <a:gd name="connsiteY8" fmla="*/ 5223286 h 5223286"/>
              <a:gd name="connsiteX9" fmla="*/ 8647347 w 10511441"/>
              <a:gd name="connsiteY9" fmla="*/ 5223286 h 5223286"/>
              <a:gd name="connsiteX10" fmla="*/ 8423267 w 10511441"/>
              <a:gd name="connsiteY10" fmla="*/ 4999245 h 5223286"/>
              <a:gd name="connsiteX11" fmla="*/ 8423267 w 10511441"/>
              <a:gd name="connsiteY11" fmla="*/ 4292293 h 5223286"/>
              <a:gd name="connsiteX12" fmla="*/ 8007045 w 10511441"/>
              <a:gd name="connsiteY12" fmla="*/ 4177005 h 5223286"/>
              <a:gd name="connsiteX13" fmla="*/ 7444476 w 10511441"/>
              <a:gd name="connsiteY13" fmla="*/ 5114480 h 5223286"/>
              <a:gd name="connsiteX14" fmla="*/ 7252333 w 10511441"/>
              <a:gd name="connsiteY14" fmla="*/ 5223233 h 5223286"/>
              <a:gd name="connsiteX15" fmla="*/ 224086 w 10511441"/>
              <a:gd name="connsiteY15" fmla="*/ 5223233 h 5223286"/>
              <a:gd name="connsiteX16" fmla="*/ 7 w 10511441"/>
              <a:gd name="connsiteY16" fmla="*/ 4999192 h 5223286"/>
              <a:gd name="connsiteX17" fmla="*/ 8 w 10511441"/>
              <a:gd name="connsiteY17" fmla="*/ 3771014 h 5223286"/>
              <a:gd name="connsiteX18" fmla="*/ 38122 w 10511441"/>
              <a:gd name="connsiteY18" fmla="*/ 3605613 h 5223286"/>
              <a:gd name="connsiteX19" fmla="*/ 1252871 w 10511441"/>
              <a:gd name="connsiteY19" fmla="*/ 1594475 h 5223286"/>
              <a:gd name="connsiteX20" fmla="*/ 1402611 w 10511441"/>
              <a:gd name="connsiteY20" fmla="*/ 1501747 h 5223286"/>
              <a:gd name="connsiteX0" fmla="*/ 1402605 w 10511435"/>
              <a:gd name="connsiteY0" fmla="*/ 1501747 h 5223286"/>
              <a:gd name="connsiteX1" fmla="*/ 5524028 w 10511435"/>
              <a:gd name="connsiteY1" fmla="*/ 1501379 h 5223286"/>
              <a:gd name="connsiteX2" fmla="*/ 5645986 w 10511435"/>
              <a:gd name="connsiteY2" fmla="*/ 1419322 h 5223286"/>
              <a:gd name="connsiteX3" fmla="*/ 6434438 w 10511435"/>
              <a:gd name="connsiteY3" fmla="*/ 101268 h 5223286"/>
              <a:gd name="connsiteX4" fmla="*/ 6604794 w 10511435"/>
              <a:gd name="connsiteY4" fmla="*/ 31 h 5223286"/>
              <a:gd name="connsiteX5" fmla="*/ 10287356 w 10511435"/>
              <a:gd name="connsiteY5" fmla="*/ 3684 h 5223286"/>
              <a:gd name="connsiteX6" fmla="*/ 10511435 w 10511435"/>
              <a:gd name="connsiteY6" fmla="*/ 227725 h 5223286"/>
              <a:gd name="connsiteX7" fmla="*/ 10511435 w 10511435"/>
              <a:gd name="connsiteY7" fmla="*/ 4999245 h 5223286"/>
              <a:gd name="connsiteX8" fmla="*/ 10287356 w 10511435"/>
              <a:gd name="connsiteY8" fmla="*/ 5223286 h 5223286"/>
              <a:gd name="connsiteX9" fmla="*/ 8647341 w 10511435"/>
              <a:gd name="connsiteY9" fmla="*/ 5223286 h 5223286"/>
              <a:gd name="connsiteX10" fmla="*/ 8423261 w 10511435"/>
              <a:gd name="connsiteY10" fmla="*/ 4999245 h 5223286"/>
              <a:gd name="connsiteX11" fmla="*/ 8423261 w 10511435"/>
              <a:gd name="connsiteY11" fmla="*/ 4292293 h 5223286"/>
              <a:gd name="connsiteX12" fmla="*/ 8007039 w 10511435"/>
              <a:gd name="connsiteY12" fmla="*/ 4177005 h 5223286"/>
              <a:gd name="connsiteX13" fmla="*/ 7444470 w 10511435"/>
              <a:gd name="connsiteY13" fmla="*/ 5114480 h 5223286"/>
              <a:gd name="connsiteX14" fmla="*/ 7252327 w 10511435"/>
              <a:gd name="connsiteY14" fmla="*/ 5223233 h 5223286"/>
              <a:gd name="connsiteX15" fmla="*/ 224080 w 10511435"/>
              <a:gd name="connsiteY15" fmla="*/ 5223233 h 5223286"/>
              <a:gd name="connsiteX16" fmla="*/ 1 w 10511435"/>
              <a:gd name="connsiteY16" fmla="*/ 4999192 h 5223286"/>
              <a:gd name="connsiteX17" fmla="*/ 2 w 10511435"/>
              <a:gd name="connsiteY17" fmla="*/ 3771014 h 5223286"/>
              <a:gd name="connsiteX18" fmla="*/ 38116 w 10511435"/>
              <a:gd name="connsiteY18" fmla="*/ 3605613 h 5223286"/>
              <a:gd name="connsiteX19" fmla="*/ 1252865 w 10511435"/>
              <a:gd name="connsiteY19" fmla="*/ 1594475 h 5223286"/>
              <a:gd name="connsiteX20" fmla="*/ 1402605 w 10511435"/>
              <a:gd name="connsiteY20" fmla="*/ 1501747 h 5223286"/>
              <a:gd name="connsiteX0" fmla="*/ 1420613 w 10529443"/>
              <a:gd name="connsiteY0" fmla="*/ 1501747 h 5223534"/>
              <a:gd name="connsiteX1" fmla="*/ 5542036 w 10529443"/>
              <a:gd name="connsiteY1" fmla="*/ 1501379 h 5223534"/>
              <a:gd name="connsiteX2" fmla="*/ 5663994 w 10529443"/>
              <a:gd name="connsiteY2" fmla="*/ 1419322 h 5223534"/>
              <a:gd name="connsiteX3" fmla="*/ 6452446 w 10529443"/>
              <a:gd name="connsiteY3" fmla="*/ 101268 h 5223534"/>
              <a:gd name="connsiteX4" fmla="*/ 6622802 w 10529443"/>
              <a:gd name="connsiteY4" fmla="*/ 31 h 5223534"/>
              <a:gd name="connsiteX5" fmla="*/ 10305364 w 10529443"/>
              <a:gd name="connsiteY5" fmla="*/ 3684 h 5223534"/>
              <a:gd name="connsiteX6" fmla="*/ 10529443 w 10529443"/>
              <a:gd name="connsiteY6" fmla="*/ 227725 h 5223534"/>
              <a:gd name="connsiteX7" fmla="*/ 10529443 w 10529443"/>
              <a:gd name="connsiteY7" fmla="*/ 4999245 h 5223534"/>
              <a:gd name="connsiteX8" fmla="*/ 10305364 w 10529443"/>
              <a:gd name="connsiteY8" fmla="*/ 5223286 h 5223534"/>
              <a:gd name="connsiteX9" fmla="*/ 8665349 w 10529443"/>
              <a:gd name="connsiteY9" fmla="*/ 5223286 h 5223534"/>
              <a:gd name="connsiteX10" fmla="*/ 8441269 w 10529443"/>
              <a:gd name="connsiteY10" fmla="*/ 4999245 h 5223534"/>
              <a:gd name="connsiteX11" fmla="*/ 8441269 w 10529443"/>
              <a:gd name="connsiteY11" fmla="*/ 4292293 h 5223534"/>
              <a:gd name="connsiteX12" fmla="*/ 8025047 w 10529443"/>
              <a:gd name="connsiteY12" fmla="*/ 4177005 h 5223534"/>
              <a:gd name="connsiteX13" fmla="*/ 7462478 w 10529443"/>
              <a:gd name="connsiteY13" fmla="*/ 5114480 h 5223534"/>
              <a:gd name="connsiteX14" fmla="*/ 7270335 w 10529443"/>
              <a:gd name="connsiteY14" fmla="*/ 5223233 h 5223534"/>
              <a:gd name="connsiteX15" fmla="*/ 261138 w 10529443"/>
              <a:gd name="connsiteY15" fmla="*/ 5223233 h 5223534"/>
              <a:gd name="connsiteX16" fmla="*/ 18009 w 10529443"/>
              <a:gd name="connsiteY16" fmla="*/ 4999192 h 5223534"/>
              <a:gd name="connsiteX17" fmla="*/ 18010 w 10529443"/>
              <a:gd name="connsiteY17" fmla="*/ 3771014 h 5223534"/>
              <a:gd name="connsiteX18" fmla="*/ 56124 w 10529443"/>
              <a:gd name="connsiteY18" fmla="*/ 3605613 h 5223534"/>
              <a:gd name="connsiteX19" fmla="*/ 1270873 w 10529443"/>
              <a:gd name="connsiteY19" fmla="*/ 1594475 h 5223534"/>
              <a:gd name="connsiteX20" fmla="*/ 1420613 w 10529443"/>
              <a:gd name="connsiteY20" fmla="*/ 1501747 h 5223534"/>
              <a:gd name="connsiteX0" fmla="*/ 1420613 w 10529443"/>
              <a:gd name="connsiteY0" fmla="*/ 1501747 h 5223534"/>
              <a:gd name="connsiteX1" fmla="*/ 5542036 w 10529443"/>
              <a:gd name="connsiteY1" fmla="*/ 1501379 h 5223534"/>
              <a:gd name="connsiteX2" fmla="*/ 5663994 w 10529443"/>
              <a:gd name="connsiteY2" fmla="*/ 1419322 h 5223534"/>
              <a:gd name="connsiteX3" fmla="*/ 6452446 w 10529443"/>
              <a:gd name="connsiteY3" fmla="*/ 101268 h 5223534"/>
              <a:gd name="connsiteX4" fmla="*/ 6622802 w 10529443"/>
              <a:gd name="connsiteY4" fmla="*/ 31 h 5223534"/>
              <a:gd name="connsiteX5" fmla="*/ 10305364 w 10529443"/>
              <a:gd name="connsiteY5" fmla="*/ 3684 h 5223534"/>
              <a:gd name="connsiteX6" fmla="*/ 10529443 w 10529443"/>
              <a:gd name="connsiteY6" fmla="*/ 227725 h 5223534"/>
              <a:gd name="connsiteX7" fmla="*/ 10529443 w 10529443"/>
              <a:gd name="connsiteY7" fmla="*/ 4999245 h 5223534"/>
              <a:gd name="connsiteX8" fmla="*/ 10305364 w 10529443"/>
              <a:gd name="connsiteY8" fmla="*/ 5223286 h 5223534"/>
              <a:gd name="connsiteX9" fmla="*/ 8665349 w 10529443"/>
              <a:gd name="connsiteY9" fmla="*/ 5223286 h 5223534"/>
              <a:gd name="connsiteX10" fmla="*/ 8441269 w 10529443"/>
              <a:gd name="connsiteY10" fmla="*/ 4999245 h 5223534"/>
              <a:gd name="connsiteX11" fmla="*/ 8441269 w 10529443"/>
              <a:gd name="connsiteY11" fmla="*/ 4292293 h 5223534"/>
              <a:gd name="connsiteX12" fmla="*/ 8025047 w 10529443"/>
              <a:gd name="connsiteY12" fmla="*/ 4177005 h 5223534"/>
              <a:gd name="connsiteX13" fmla="*/ 7462478 w 10529443"/>
              <a:gd name="connsiteY13" fmla="*/ 5114480 h 5223534"/>
              <a:gd name="connsiteX14" fmla="*/ 7270335 w 10529443"/>
              <a:gd name="connsiteY14" fmla="*/ 5223233 h 5223534"/>
              <a:gd name="connsiteX15" fmla="*/ 261138 w 10529443"/>
              <a:gd name="connsiteY15" fmla="*/ 5223233 h 5223534"/>
              <a:gd name="connsiteX16" fmla="*/ 18009 w 10529443"/>
              <a:gd name="connsiteY16" fmla="*/ 4999192 h 5223534"/>
              <a:gd name="connsiteX17" fmla="*/ 18010 w 10529443"/>
              <a:gd name="connsiteY17" fmla="*/ 3771014 h 5223534"/>
              <a:gd name="connsiteX18" fmla="*/ 56124 w 10529443"/>
              <a:gd name="connsiteY18" fmla="*/ 3605613 h 5223534"/>
              <a:gd name="connsiteX19" fmla="*/ 1270873 w 10529443"/>
              <a:gd name="connsiteY19" fmla="*/ 1594475 h 5223534"/>
              <a:gd name="connsiteX20" fmla="*/ 1420613 w 10529443"/>
              <a:gd name="connsiteY20" fmla="*/ 1501747 h 5223534"/>
              <a:gd name="connsiteX0" fmla="*/ 1404738 w 10513568"/>
              <a:gd name="connsiteY0" fmla="*/ 1501747 h 5223702"/>
              <a:gd name="connsiteX1" fmla="*/ 5526161 w 10513568"/>
              <a:gd name="connsiteY1" fmla="*/ 1501379 h 5223702"/>
              <a:gd name="connsiteX2" fmla="*/ 5648119 w 10513568"/>
              <a:gd name="connsiteY2" fmla="*/ 1419322 h 5223702"/>
              <a:gd name="connsiteX3" fmla="*/ 6436571 w 10513568"/>
              <a:gd name="connsiteY3" fmla="*/ 101268 h 5223702"/>
              <a:gd name="connsiteX4" fmla="*/ 6606927 w 10513568"/>
              <a:gd name="connsiteY4" fmla="*/ 31 h 5223702"/>
              <a:gd name="connsiteX5" fmla="*/ 10289489 w 10513568"/>
              <a:gd name="connsiteY5" fmla="*/ 3684 h 5223702"/>
              <a:gd name="connsiteX6" fmla="*/ 10513568 w 10513568"/>
              <a:gd name="connsiteY6" fmla="*/ 227725 h 5223702"/>
              <a:gd name="connsiteX7" fmla="*/ 10513568 w 10513568"/>
              <a:gd name="connsiteY7" fmla="*/ 4999245 h 5223702"/>
              <a:gd name="connsiteX8" fmla="*/ 10289489 w 10513568"/>
              <a:gd name="connsiteY8" fmla="*/ 5223286 h 5223702"/>
              <a:gd name="connsiteX9" fmla="*/ 8649474 w 10513568"/>
              <a:gd name="connsiteY9" fmla="*/ 5223286 h 5223702"/>
              <a:gd name="connsiteX10" fmla="*/ 8425394 w 10513568"/>
              <a:gd name="connsiteY10" fmla="*/ 4999245 h 5223702"/>
              <a:gd name="connsiteX11" fmla="*/ 8425394 w 10513568"/>
              <a:gd name="connsiteY11" fmla="*/ 4292293 h 5223702"/>
              <a:gd name="connsiteX12" fmla="*/ 8009172 w 10513568"/>
              <a:gd name="connsiteY12" fmla="*/ 4177005 h 5223702"/>
              <a:gd name="connsiteX13" fmla="*/ 7446603 w 10513568"/>
              <a:gd name="connsiteY13" fmla="*/ 5114480 h 5223702"/>
              <a:gd name="connsiteX14" fmla="*/ 7254460 w 10513568"/>
              <a:gd name="connsiteY14" fmla="*/ 5223233 h 5223702"/>
              <a:gd name="connsiteX15" fmla="*/ 245263 w 10513568"/>
              <a:gd name="connsiteY15" fmla="*/ 5223233 h 5223702"/>
              <a:gd name="connsiteX16" fmla="*/ 2134 w 10513568"/>
              <a:gd name="connsiteY16" fmla="*/ 4999192 h 5223702"/>
              <a:gd name="connsiteX17" fmla="*/ 2135 w 10513568"/>
              <a:gd name="connsiteY17" fmla="*/ 3771014 h 5223702"/>
              <a:gd name="connsiteX18" fmla="*/ 40249 w 10513568"/>
              <a:gd name="connsiteY18" fmla="*/ 3605613 h 5223702"/>
              <a:gd name="connsiteX19" fmla="*/ 1254998 w 10513568"/>
              <a:gd name="connsiteY19" fmla="*/ 1594475 h 5223702"/>
              <a:gd name="connsiteX20" fmla="*/ 1404738 w 10513568"/>
              <a:gd name="connsiteY20" fmla="*/ 1501747 h 5223702"/>
              <a:gd name="connsiteX0" fmla="*/ 1403680 w 10512510"/>
              <a:gd name="connsiteY0" fmla="*/ 1501747 h 5223702"/>
              <a:gd name="connsiteX1" fmla="*/ 5525103 w 10512510"/>
              <a:gd name="connsiteY1" fmla="*/ 1501379 h 5223702"/>
              <a:gd name="connsiteX2" fmla="*/ 5647061 w 10512510"/>
              <a:gd name="connsiteY2" fmla="*/ 1419322 h 5223702"/>
              <a:gd name="connsiteX3" fmla="*/ 6435513 w 10512510"/>
              <a:gd name="connsiteY3" fmla="*/ 101268 h 5223702"/>
              <a:gd name="connsiteX4" fmla="*/ 6605869 w 10512510"/>
              <a:gd name="connsiteY4" fmla="*/ 31 h 5223702"/>
              <a:gd name="connsiteX5" fmla="*/ 10288431 w 10512510"/>
              <a:gd name="connsiteY5" fmla="*/ 3684 h 5223702"/>
              <a:gd name="connsiteX6" fmla="*/ 10512510 w 10512510"/>
              <a:gd name="connsiteY6" fmla="*/ 227725 h 5223702"/>
              <a:gd name="connsiteX7" fmla="*/ 10512510 w 10512510"/>
              <a:gd name="connsiteY7" fmla="*/ 4999245 h 5223702"/>
              <a:gd name="connsiteX8" fmla="*/ 10288431 w 10512510"/>
              <a:gd name="connsiteY8" fmla="*/ 5223286 h 5223702"/>
              <a:gd name="connsiteX9" fmla="*/ 8648416 w 10512510"/>
              <a:gd name="connsiteY9" fmla="*/ 5223286 h 5223702"/>
              <a:gd name="connsiteX10" fmla="*/ 8424336 w 10512510"/>
              <a:gd name="connsiteY10" fmla="*/ 4999245 h 5223702"/>
              <a:gd name="connsiteX11" fmla="*/ 8424336 w 10512510"/>
              <a:gd name="connsiteY11" fmla="*/ 4292293 h 5223702"/>
              <a:gd name="connsiteX12" fmla="*/ 8008114 w 10512510"/>
              <a:gd name="connsiteY12" fmla="*/ 4177005 h 5223702"/>
              <a:gd name="connsiteX13" fmla="*/ 7445545 w 10512510"/>
              <a:gd name="connsiteY13" fmla="*/ 5114480 h 5223702"/>
              <a:gd name="connsiteX14" fmla="*/ 7253402 w 10512510"/>
              <a:gd name="connsiteY14" fmla="*/ 5223233 h 5223702"/>
              <a:gd name="connsiteX15" fmla="*/ 244205 w 10512510"/>
              <a:gd name="connsiteY15" fmla="*/ 5223233 h 5223702"/>
              <a:gd name="connsiteX16" fmla="*/ 1076 w 10512510"/>
              <a:gd name="connsiteY16" fmla="*/ 4999192 h 5223702"/>
              <a:gd name="connsiteX17" fmla="*/ 1077 w 10512510"/>
              <a:gd name="connsiteY17" fmla="*/ 3771014 h 5223702"/>
              <a:gd name="connsiteX18" fmla="*/ 39191 w 10512510"/>
              <a:gd name="connsiteY18" fmla="*/ 3605613 h 5223702"/>
              <a:gd name="connsiteX19" fmla="*/ 1253940 w 10512510"/>
              <a:gd name="connsiteY19" fmla="*/ 1594475 h 5223702"/>
              <a:gd name="connsiteX20" fmla="*/ 1403680 w 10512510"/>
              <a:gd name="connsiteY20" fmla="*/ 1501747 h 5223702"/>
              <a:gd name="connsiteX0" fmla="*/ 1404232 w 10513062"/>
              <a:gd name="connsiteY0" fmla="*/ 1501747 h 5223286"/>
              <a:gd name="connsiteX1" fmla="*/ 5525655 w 10513062"/>
              <a:gd name="connsiteY1" fmla="*/ 1501379 h 5223286"/>
              <a:gd name="connsiteX2" fmla="*/ 5647613 w 10513062"/>
              <a:gd name="connsiteY2" fmla="*/ 1419322 h 5223286"/>
              <a:gd name="connsiteX3" fmla="*/ 6436065 w 10513062"/>
              <a:gd name="connsiteY3" fmla="*/ 101268 h 5223286"/>
              <a:gd name="connsiteX4" fmla="*/ 6606421 w 10513062"/>
              <a:gd name="connsiteY4" fmla="*/ 31 h 5223286"/>
              <a:gd name="connsiteX5" fmla="*/ 10288983 w 10513062"/>
              <a:gd name="connsiteY5" fmla="*/ 3684 h 5223286"/>
              <a:gd name="connsiteX6" fmla="*/ 10513062 w 10513062"/>
              <a:gd name="connsiteY6" fmla="*/ 227725 h 5223286"/>
              <a:gd name="connsiteX7" fmla="*/ 10513062 w 10513062"/>
              <a:gd name="connsiteY7" fmla="*/ 4999245 h 5223286"/>
              <a:gd name="connsiteX8" fmla="*/ 10288983 w 10513062"/>
              <a:gd name="connsiteY8" fmla="*/ 5223286 h 5223286"/>
              <a:gd name="connsiteX9" fmla="*/ 8648968 w 10513062"/>
              <a:gd name="connsiteY9" fmla="*/ 5223286 h 5223286"/>
              <a:gd name="connsiteX10" fmla="*/ 8424888 w 10513062"/>
              <a:gd name="connsiteY10" fmla="*/ 4999245 h 5223286"/>
              <a:gd name="connsiteX11" fmla="*/ 8424888 w 10513062"/>
              <a:gd name="connsiteY11" fmla="*/ 4292293 h 5223286"/>
              <a:gd name="connsiteX12" fmla="*/ 8008666 w 10513062"/>
              <a:gd name="connsiteY12" fmla="*/ 4177005 h 5223286"/>
              <a:gd name="connsiteX13" fmla="*/ 7446097 w 10513062"/>
              <a:gd name="connsiteY13" fmla="*/ 5114480 h 5223286"/>
              <a:gd name="connsiteX14" fmla="*/ 7253954 w 10513062"/>
              <a:gd name="connsiteY14" fmla="*/ 5223233 h 5223286"/>
              <a:gd name="connsiteX15" fmla="*/ 244757 w 10513062"/>
              <a:gd name="connsiteY15" fmla="*/ 5223233 h 5223286"/>
              <a:gd name="connsiteX16" fmla="*/ 1628 w 10513062"/>
              <a:gd name="connsiteY16" fmla="*/ 4999192 h 5223286"/>
              <a:gd name="connsiteX17" fmla="*/ 1629 w 10513062"/>
              <a:gd name="connsiteY17" fmla="*/ 3771014 h 5223286"/>
              <a:gd name="connsiteX18" fmla="*/ 39743 w 10513062"/>
              <a:gd name="connsiteY18" fmla="*/ 3605613 h 5223286"/>
              <a:gd name="connsiteX19" fmla="*/ 1254492 w 10513062"/>
              <a:gd name="connsiteY19" fmla="*/ 1594475 h 5223286"/>
              <a:gd name="connsiteX20" fmla="*/ 1404232 w 10513062"/>
              <a:gd name="connsiteY20" fmla="*/ 1501747 h 5223286"/>
              <a:gd name="connsiteX0" fmla="*/ 1404232 w 10513062"/>
              <a:gd name="connsiteY0" fmla="*/ 1501747 h 5223286"/>
              <a:gd name="connsiteX1" fmla="*/ 5525655 w 10513062"/>
              <a:gd name="connsiteY1" fmla="*/ 1501379 h 5223286"/>
              <a:gd name="connsiteX2" fmla="*/ 5647613 w 10513062"/>
              <a:gd name="connsiteY2" fmla="*/ 1419322 h 5223286"/>
              <a:gd name="connsiteX3" fmla="*/ 6436065 w 10513062"/>
              <a:gd name="connsiteY3" fmla="*/ 101268 h 5223286"/>
              <a:gd name="connsiteX4" fmla="*/ 6606421 w 10513062"/>
              <a:gd name="connsiteY4" fmla="*/ 31 h 5223286"/>
              <a:gd name="connsiteX5" fmla="*/ 10288983 w 10513062"/>
              <a:gd name="connsiteY5" fmla="*/ 3684 h 5223286"/>
              <a:gd name="connsiteX6" fmla="*/ 10513062 w 10513062"/>
              <a:gd name="connsiteY6" fmla="*/ 227725 h 5223286"/>
              <a:gd name="connsiteX7" fmla="*/ 10513062 w 10513062"/>
              <a:gd name="connsiteY7" fmla="*/ 4999245 h 5223286"/>
              <a:gd name="connsiteX8" fmla="*/ 10288983 w 10513062"/>
              <a:gd name="connsiteY8" fmla="*/ 5223286 h 5223286"/>
              <a:gd name="connsiteX9" fmla="*/ 8648968 w 10513062"/>
              <a:gd name="connsiteY9" fmla="*/ 5223286 h 5223286"/>
              <a:gd name="connsiteX10" fmla="*/ 8424888 w 10513062"/>
              <a:gd name="connsiteY10" fmla="*/ 4999245 h 5223286"/>
              <a:gd name="connsiteX11" fmla="*/ 8424888 w 10513062"/>
              <a:gd name="connsiteY11" fmla="*/ 4292293 h 5223286"/>
              <a:gd name="connsiteX12" fmla="*/ 8008666 w 10513062"/>
              <a:gd name="connsiteY12" fmla="*/ 4177005 h 5223286"/>
              <a:gd name="connsiteX13" fmla="*/ 7446097 w 10513062"/>
              <a:gd name="connsiteY13" fmla="*/ 5114480 h 5223286"/>
              <a:gd name="connsiteX14" fmla="*/ 7253954 w 10513062"/>
              <a:gd name="connsiteY14" fmla="*/ 5223233 h 5223286"/>
              <a:gd name="connsiteX15" fmla="*/ 244757 w 10513062"/>
              <a:gd name="connsiteY15" fmla="*/ 5223233 h 5223286"/>
              <a:gd name="connsiteX16" fmla="*/ 1628 w 10513062"/>
              <a:gd name="connsiteY16" fmla="*/ 4999192 h 5223286"/>
              <a:gd name="connsiteX17" fmla="*/ 1629 w 10513062"/>
              <a:gd name="connsiteY17" fmla="*/ 3771014 h 5223286"/>
              <a:gd name="connsiteX18" fmla="*/ 39743 w 10513062"/>
              <a:gd name="connsiteY18" fmla="*/ 3605613 h 5223286"/>
              <a:gd name="connsiteX19" fmla="*/ 1254492 w 10513062"/>
              <a:gd name="connsiteY19" fmla="*/ 1594475 h 5223286"/>
              <a:gd name="connsiteX20" fmla="*/ 1404232 w 10513062"/>
              <a:gd name="connsiteY20" fmla="*/ 1501747 h 5223286"/>
              <a:gd name="connsiteX0" fmla="*/ 1404732 w 10513562"/>
              <a:gd name="connsiteY0" fmla="*/ 1501747 h 5223286"/>
              <a:gd name="connsiteX1" fmla="*/ 5526155 w 10513562"/>
              <a:gd name="connsiteY1" fmla="*/ 1501379 h 5223286"/>
              <a:gd name="connsiteX2" fmla="*/ 5648113 w 10513562"/>
              <a:gd name="connsiteY2" fmla="*/ 1419322 h 5223286"/>
              <a:gd name="connsiteX3" fmla="*/ 6436565 w 10513562"/>
              <a:gd name="connsiteY3" fmla="*/ 101268 h 5223286"/>
              <a:gd name="connsiteX4" fmla="*/ 6606921 w 10513562"/>
              <a:gd name="connsiteY4" fmla="*/ 31 h 5223286"/>
              <a:gd name="connsiteX5" fmla="*/ 10289483 w 10513562"/>
              <a:gd name="connsiteY5" fmla="*/ 3684 h 5223286"/>
              <a:gd name="connsiteX6" fmla="*/ 10513562 w 10513562"/>
              <a:gd name="connsiteY6" fmla="*/ 227725 h 5223286"/>
              <a:gd name="connsiteX7" fmla="*/ 10513562 w 10513562"/>
              <a:gd name="connsiteY7" fmla="*/ 4999245 h 5223286"/>
              <a:gd name="connsiteX8" fmla="*/ 10289483 w 10513562"/>
              <a:gd name="connsiteY8" fmla="*/ 5223286 h 5223286"/>
              <a:gd name="connsiteX9" fmla="*/ 8649468 w 10513562"/>
              <a:gd name="connsiteY9" fmla="*/ 5223286 h 5223286"/>
              <a:gd name="connsiteX10" fmla="*/ 8425388 w 10513562"/>
              <a:gd name="connsiteY10" fmla="*/ 4999245 h 5223286"/>
              <a:gd name="connsiteX11" fmla="*/ 8425388 w 10513562"/>
              <a:gd name="connsiteY11" fmla="*/ 4292293 h 5223286"/>
              <a:gd name="connsiteX12" fmla="*/ 8009166 w 10513562"/>
              <a:gd name="connsiteY12" fmla="*/ 4177005 h 5223286"/>
              <a:gd name="connsiteX13" fmla="*/ 7446597 w 10513562"/>
              <a:gd name="connsiteY13" fmla="*/ 5114480 h 5223286"/>
              <a:gd name="connsiteX14" fmla="*/ 7254454 w 10513562"/>
              <a:gd name="connsiteY14" fmla="*/ 5223233 h 5223286"/>
              <a:gd name="connsiteX15" fmla="*/ 245257 w 10513562"/>
              <a:gd name="connsiteY15" fmla="*/ 5223233 h 5223286"/>
              <a:gd name="connsiteX16" fmla="*/ 2128 w 10513562"/>
              <a:gd name="connsiteY16" fmla="*/ 4999192 h 5223286"/>
              <a:gd name="connsiteX17" fmla="*/ 2129 w 10513562"/>
              <a:gd name="connsiteY17" fmla="*/ 3771014 h 5223286"/>
              <a:gd name="connsiteX18" fmla="*/ 40243 w 10513562"/>
              <a:gd name="connsiteY18" fmla="*/ 3605613 h 5223286"/>
              <a:gd name="connsiteX19" fmla="*/ 1254992 w 10513562"/>
              <a:gd name="connsiteY19" fmla="*/ 1594475 h 5223286"/>
              <a:gd name="connsiteX20" fmla="*/ 1404732 w 10513562"/>
              <a:gd name="connsiteY20" fmla="*/ 1501747 h 5223286"/>
              <a:gd name="connsiteX0" fmla="*/ 1402617 w 10511447"/>
              <a:gd name="connsiteY0" fmla="*/ 1501747 h 5223286"/>
              <a:gd name="connsiteX1" fmla="*/ 5524040 w 10511447"/>
              <a:gd name="connsiteY1" fmla="*/ 1501379 h 5223286"/>
              <a:gd name="connsiteX2" fmla="*/ 5645998 w 10511447"/>
              <a:gd name="connsiteY2" fmla="*/ 1419322 h 5223286"/>
              <a:gd name="connsiteX3" fmla="*/ 6434450 w 10511447"/>
              <a:gd name="connsiteY3" fmla="*/ 101268 h 5223286"/>
              <a:gd name="connsiteX4" fmla="*/ 6604806 w 10511447"/>
              <a:gd name="connsiteY4" fmla="*/ 31 h 5223286"/>
              <a:gd name="connsiteX5" fmla="*/ 10287368 w 10511447"/>
              <a:gd name="connsiteY5" fmla="*/ 3684 h 5223286"/>
              <a:gd name="connsiteX6" fmla="*/ 10511447 w 10511447"/>
              <a:gd name="connsiteY6" fmla="*/ 227725 h 5223286"/>
              <a:gd name="connsiteX7" fmla="*/ 10511447 w 10511447"/>
              <a:gd name="connsiteY7" fmla="*/ 4999245 h 5223286"/>
              <a:gd name="connsiteX8" fmla="*/ 10287368 w 10511447"/>
              <a:gd name="connsiteY8" fmla="*/ 5223286 h 5223286"/>
              <a:gd name="connsiteX9" fmla="*/ 8647353 w 10511447"/>
              <a:gd name="connsiteY9" fmla="*/ 5223286 h 5223286"/>
              <a:gd name="connsiteX10" fmla="*/ 8423273 w 10511447"/>
              <a:gd name="connsiteY10" fmla="*/ 4999245 h 5223286"/>
              <a:gd name="connsiteX11" fmla="*/ 8423273 w 10511447"/>
              <a:gd name="connsiteY11" fmla="*/ 4292293 h 5223286"/>
              <a:gd name="connsiteX12" fmla="*/ 8007051 w 10511447"/>
              <a:gd name="connsiteY12" fmla="*/ 4177005 h 5223286"/>
              <a:gd name="connsiteX13" fmla="*/ 7444482 w 10511447"/>
              <a:gd name="connsiteY13" fmla="*/ 5114480 h 5223286"/>
              <a:gd name="connsiteX14" fmla="*/ 7252339 w 10511447"/>
              <a:gd name="connsiteY14" fmla="*/ 5223233 h 5223286"/>
              <a:gd name="connsiteX15" fmla="*/ 243142 w 10511447"/>
              <a:gd name="connsiteY15" fmla="*/ 5223233 h 5223286"/>
              <a:gd name="connsiteX16" fmla="*/ 13 w 10511447"/>
              <a:gd name="connsiteY16" fmla="*/ 4999192 h 5223286"/>
              <a:gd name="connsiteX17" fmla="*/ 14 w 10511447"/>
              <a:gd name="connsiteY17" fmla="*/ 3771014 h 5223286"/>
              <a:gd name="connsiteX18" fmla="*/ 38128 w 10511447"/>
              <a:gd name="connsiteY18" fmla="*/ 3605613 h 5223286"/>
              <a:gd name="connsiteX19" fmla="*/ 1252877 w 10511447"/>
              <a:gd name="connsiteY19" fmla="*/ 1594475 h 5223286"/>
              <a:gd name="connsiteX20" fmla="*/ 1402617 w 10511447"/>
              <a:gd name="connsiteY20" fmla="*/ 1501747 h 5223286"/>
              <a:gd name="connsiteX0" fmla="*/ 1417614 w 10526444"/>
              <a:gd name="connsiteY0" fmla="*/ 1501747 h 5223286"/>
              <a:gd name="connsiteX1" fmla="*/ 5539037 w 10526444"/>
              <a:gd name="connsiteY1" fmla="*/ 1501379 h 5223286"/>
              <a:gd name="connsiteX2" fmla="*/ 5660995 w 10526444"/>
              <a:gd name="connsiteY2" fmla="*/ 1419322 h 5223286"/>
              <a:gd name="connsiteX3" fmla="*/ 6449447 w 10526444"/>
              <a:gd name="connsiteY3" fmla="*/ 101268 h 5223286"/>
              <a:gd name="connsiteX4" fmla="*/ 6619803 w 10526444"/>
              <a:gd name="connsiteY4" fmla="*/ 31 h 5223286"/>
              <a:gd name="connsiteX5" fmla="*/ 10302365 w 10526444"/>
              <a:gd name="connsiteY5" fmla="*/ 3684 h 5223286"/>
              <a:gd name="connsiteX6" fmla="*/ 10526444 w 10526444"/>
              <a:gd name="connsiteY6" fmla="*/ 227725 h 5223286"/>
              <a:gd name="connsiteX7" fmla="*/ 10526444 w 10526444"/>
              <a:gd name="connsiteY7" fmla="*/ 4999245 h 5223286"/>
              <a:gd name="connsiteX8" fmla="*/ 10302365 w 10526444"/>
              <a:gd name="connsiteY8" fmla="*/ 5223286 h 5223286"/>
              <a:gd name="connsiteX9" fmla="*/ 8662350 w 10526444"/>
              <a:gd name="connsiteY9" fmla="*/ 5223286 h 5223286"/>
              <a:gd name="connsiteX10" fmla="*/ 8438270 w 10526444"/>
              <a:gd name="connsiteY10" fmla="*/ 4999245 h 5223286"/>
              <a:gd name="connsiteX11" fmla="*/ 8438270 w 10526444"/>
              <a:gd name="connsiteY11" fmla="*/ 4292293 h 5223286"/>
              <a:gd name="connsiteX12" fmla="*/ 8022048 w 10526444"/>
              <a:gd name="connsiteY12" fmla="*/ 4177005 h 5223286"/>
              <a:gd name="connsiteX13" fmla="*/ 7459479 w 10526444"/>
              <a:gd name="connsiteY13" fmla="*/ 5114480 h 5223286"/>
              <a:gd name="connsiteX14" fmla="*/ 7267336 w 10526444"/>
              <a:gd name="connsiteY14" fmla="*/ 5223233 h 5223286"/>
              <a:gd name="connsiteX15" fmla="*/ 217658 w 10526444"/>
              <a:gd name="connsiteY15" fmla="*/ 5223233 h 5223286"/>
              <a:gd name="connsiteX16" fmla="*/ 15010 w 10526444"/>
              <a:gd name="connsiteY16" fmla="*/ 4999192 h 5223286"/>
              <a:gd name="connsiteX17" fmla="*/ 15011 w 10526444"/>
              <a:gd name="connsiteY17" fmla="*/ 3771014 h 5223286"/>
              <a:gd name="connsiteX18" fmla="*/ 53125 w 10526444"/>
              <a:gd name="connsiteY18" fmla="*/ 3605613 h 5223286"/>
              <a:gd name="connsiteX19" fmla="*/ 1267874 w 10526444"/>
              <a:gd name="connsiteY19" fmla="*/ 1594475 h 5223286"/>
              <a:gd name="connsiteX20" fmla="*/ 1417614 w 10526444"/>
              <a:gd name="connsiteY20" fmla="*/ 1501747 h 5223286"/>
              <a:gd name="connsiteX0" fmla="*/ 1417614 w 10526444"/>
              <a:gd name="connsiteY0" fmla="*/ 1501747 h 5223286"/>
              <a:gd name="connsiteX1" fmla="*/ 5539037 w 10526444"/>
              <a:gd name="connsiteY1" fmla="*/ 1501379 h 5223286"/>
              <a:gd name="connsiteX2" fmla="*/ 5660995 w 10526444"/>
              <a:gd name="connsiteY2" fmla="*/ 1419322 h 5223286"/>
              <a:gd name="connsiteX3" fmla="*/ 6449447 w 10526444"/>
              <a:gd name="connsiteY3" fmla="*/ 101268 h 5223286"/>
              <a:gd name="connsiteX4" fmla="*/ 6619803 w 10526444"/>
              <a:gd name="connsiteY4" fmla="*/ 31 h 5223286"/>
              <a:gd name="connsiteX5" fmla="*/ 10302365 w 10526444"/>
              <a:gd name="connsiteY5" fmla="*/ 3684 h 5223286"/>
              <a:gd name="connsiteX6" fmla="*/ 10526444 w 10526444"/>
              <a:gd name="connsiteY6" fmla="*/ 227725 h 5223286"/>
              <a:gd name="connsiteX7" fmla="*/ 10526444 w 10526444"/>
              <a:gd name="connsiteY7" fmla="*/ 4999245 h 5223286"/>
              <a:gd name="connsiteX8" fmla="*/ 10302365 w 10526444"/>
              <a:gd name="connsiteY8" fmla="*/ 5223286 h 5223286"/>
              <a:gd name="connsiteX9" fmla="*/ 8662350 w 10526444"/>
              <a:gd name="connsiteY9" fmla="*/ 5223286 h 5223286"/>
              <a:gd name="connsiteX10" fmla="*/ 8438270 w 10526444"/>
              <a:gd name="connsiteY10" fmla="*/ 4999245 h 5223286"/>
              <a:gd name="connsiteX11" fmla="*/ 8438270 w 10526444"/>
              <a:gd name="connsiteY11" fmla="*/ 4292293 h 5223286"/>
              <a:gd name="connsiteX12" fmla="*/ 8022048 w 10526444"/>
              <a:gd name="connsiteY12" fmla="*/ 4177005 h 5223286"/>
              <a:gd name="connsiteX13" fmla="*/ 7459479 w 10526444"/>
              <a:gd name="connsiteY13" fmla="*/ 5114480 h 5223286"/>
              <a:gd name="connsiteX14" fmla="*/ 7267336 w 10526444"/>
              <a:gd name="connsiteY14" fmla="*/ 5223233 h 5223286"/>
              <a:gd name="connsiteX15" fmla="*/ 217658 w 10526444"/>
              <a:gd name="connsiteY15" fmla="*/ 5223233 h 5223286"/>
              <a:gd name="connsiteX16" fmla="*/ 15010 w 10526444"/>
              <a:gd name="connsiteY16" fmla="*/ 4999192 h 5223286"/>
              <a:gd name="connsiteX17" fmla="*/ 15011 w 10526444"/>
              <a:gd name="connsiteY17" fmla="*/ 3771014 h 5223286"/>
              <a:gd name="connsiteX18" fmla="*/ 53125 w 10526444"/>
              <a:gd name="connsiteY18" fmla="*/ 3605613 h 5223286"/>
              <a:gd name="connsiteX19" fmla="*/ 1267874 w 10526444"/>
              <a:gd name="connsiteY19" fmla="*/ 1594475 h 5223286"/>
              <a:gd name="connsiteX20" fmla="*/ 1417614 w 10526444"/>
              <a:gd name="connsiteY20" fmla="*/ 1501747 h 5223286"/>
              <a:gd name="connsiteX0" fmla="*/ 1404915 w 10513745"/>
              <a:gd name="connsiteY0" fmla="*/ 1501747 h 5223286"/>
              <a:gd name="connsiteX1" fmla="*/ 5526338 w 10513745"/>
              <a:gd name="connsiteY1" fmla="*/ 1501379 h 5223286"/>
              <a:gd name="connsiteX2" fmla="*/ 5648296 w 10513745"/>
              <a:gd name="connsiteY2" fmla="*/ 1419322 h 5223286"/>
              <a:gd name="connsiteX3" fmla="*/ 6436748 w 10513745"/>
              <a:gd name="connsiteY3" fmla="*/ 101268 h 5223286"/>
              <a:gd name="connsiteX4" fmla="*/ 6607104 w 10513745"/>
              <a:gd name="connsiteY4" fmla="*/ 31 h 5223286"/>
              <a:gd name="connsiteX5" fmla="*/ 10289666 w 10513745"/>
              <a:gd name="connsiteY5" fmla="*/ 3684 h 5223286"/>
              <a:gd name="connsiteX6" fmla="*/ 10513745 w 10513745"/>
              <a:gd name="connsiteY6" fmla="*/ 227725 h 5223286"/>
              <a:gd name="connsiteX7" fmla="*/ 10513745 w 10513745"/>
              <a:gd name="connsiteY7" fmla="*/ 4999245 h 5223286"/>
              <a:gd name="connsiteX8" fmla="*/ 10289666 w 10513745"/>
              <a:gd name="connsiteY8" fmla="*/ 5223286 h 5223286"/>
              <a:gd name="connsiteX9" fmla="*/ 8649651 w 10513745"/>
              <a:gd name="connsiteY9" fmla="*/ 5223286 h 5223286"/>
              <a:gd name="connsiteX10" fmla="*/ 8425571 w 10513745"/>
              <a:gd name="connsiteY10" fmla="*/ 4999245 h 5223286"/>
              <a:gd name="connsiteX11" fmla="*/ 8425571 w 10513745"/>
              <a:gd name="connsiteY11" fmla="*/ 4292293 h 5223286"/>
              <a:gd name="connsiteX12" fmla="*/ 8009349 w 10513745"/>
              <a:gd name="connsiteY12" fmla="*/ 4177005 h 5223286"/>
              <a:gd name="connsiteX13" fmla="*/ 7446780 w 10513745"/>
              <a:gd name="connsiteY13" fmla="*/ 5114480 h 5223286"/>
              <a:gd name="connsiteX14" fmla="*/ 7254637 w 10513745"/>
              <a:gd name="connsiteY14" fmla="*/ 5223233 h 5223286"/>
              <a:gd name="connsiteX15" fmla="*/ 204959 w 10513745"/>
              <a:gd name="connsiteY15" fmla="*/ 5223233 h 5223286"/>
              <a:gd name="connsiteX16" fmla="*/ 2311 w 10513745"/>
              <a:gd name="connsiteY16" fmla="*/ 4999192 h 5223286"/>
              <a:gd name="connsiteX17" fmla="*/ 2312 w 10513745"/>
              <a:gd name="connsiteY17" fmla="*/ 3771014 h 5223286"/>
              <a:gd name="connsiteX18" fmla="*/ 40426 w 10513745"/>
              <a:gd name="connsiteY18" fmla="*/ 3605613 h 5223286"/>
              <a:gd name="connsiteX19" fmla="*/ 1255175 w 10513745"/>
              <a:gd name="connsiteY19" fmla="*/ 1594475 h 5223286"/>
              <a:gd name="connsiteX20" fmla="*/ 1404915 w 10513745"/>
              <a:gd name="connsiteY20" fmla="*/ 1501747 h 5223286"/>
              <a:gd name="connsiteX0" fmla="*/ 1404915 w 10513745"/>
              <a:gd name="connsiteY0" fmla="*/ 1501747 h 5223286"/>
              <a:gd name="connsiteX1" fmla="*/ 5526338 w 10513745"/>
              <a:gd name="connsiteY1" fmla="*/ 1501379 h 5223286"/>
              <a:gd name="connsiteX2" fmla="*/ 5648296 w 10513745"/>
              <a:gd name="connsiteY2" fmla="*/ 1419322 h 5223286"/>
              <a:gd name="connsiteX3" fmla="*/ 6436748 w 10513745"/>
              <a:gd name="connsiteY3" fmla="*/ 101268 h 5223286"/>
              <a:gd name="connsiteX4" fmla="*/ 6607104 w 10513745"/>
              <a:gd name="connsiteY4" fmla="*/ 31 h 5223286"/>
              <a:gd name="connsiteX5" fmla="*/ 10289666 w 10513745"/>
              <a:gd name="connsiteY5" fmla="*/ 3684 h 5223286"/>
              <a:gd name="connsiteX6" fmla="*/ 10513745 w 10513745"/>
              <a:gd name="connsiteY6" fmla="*/ 227725 h 5223286"/>
              <a:gd name="connsiteX7" fmla="*/ 10513745 w 10513745"/>
              <a:gd name="connsiteY7" fmla="*/ 4999245 h 5223286"/>
              <a:gd name="connsiteX8" fmla="*/ 10289666 w 10513745"/>
              <a:gd name="connsiteY8" fmla="*/ 5223286 h 5223286"/>
              <a:gd name="connsiteX9" fmla="*/ 8649651 w 10513745"/>
              <a:gd name="connsiteY9" fmla="*/ 5223286 h 5223286"/>
              <a:gd name="connsiteX10" fmla="*/ 8425571 w 10513745"/>
              <a:gd name="connsiteY10" fmla="*/ 4999245 h 5223286"/>
              <a:gd name="connsiteX11" fmla="*/ 8425571 w 10513745"/>
              <a:gd name="connsiteY11" fmla="*/ 4292293 h 5223286"/>
              <a:gd name="connsiteX12" fmla="*/ 8009349 w 10513745"/>
              <a:gd name="connsiteY12" fmla="*/ 4177005 h 5223286"/>
              <a:gd name="connsiteX13" fmla="*/ 7446780 w 10513745"/>
              <a:gd name="connsiteY13" fmla="*/ 5114480 h 5223286"/>
              <a:gd name="connsiteX14" fmla="*/ 7254637 w 10513745"/>
              <a:gd name="connsiteY14" fmla="*/ 5223233 h 5223286"/>
              <a:gd name="connsiteX15" fmla="*/ 204959 w 10513745"/>
              <a:gd name="connsiteY15" fmla="*/ 5223233 h 5223286"/>
              <a:gd name="connsiteX16" fmla="*/ 2311 w 10513745"/>
              <a:gd name="connsiteY16" fmla="*/ 4999192 h 5223286"/>
              <a:gd name="connsiteX17" fmla="*/ 2312 w 10513745"/>
              <a:gd name="connsiteY17" fmla="*/ 3771014 h 5223286"/>
              <a:gd name="connsiteX18" fmla="*/ 40426 w 10513745"/>
              <a:gd name="connsiteY18" fmla="*/ 3605613 h 5223286"/>
              <a:gd name="connsiteX19" fmla="*/ 1255175 w 10513745"/>
              <a:gd name="connsiteY19" fmla="*/ 1594475 h 5223286"/>
              <a:gd name="connsiteX20" fmla="*/ 1404915 w 10513745"/>
              <a:gd name="connsiteY20" fmla="*/ 1501747 h 5223286"/>
              <a:gd name="connsiteX0" fmla="*/ 1402798 w 10511628"/>
              <a:gd name="connsiteY0" fmla="*/ 1501747 h 5223286"/>
              <a:gd name="connsiteX1" fmla="*/ 5524221 w 10511628"/>
              <a:gd name="connsiteY1" fmla="*/ 1501379 h 5223286"/>
              <a:gd name="connsiteX2" fmla="*/ 5646179 w 10511628"/>
              <a:gd name="connsiteY2" fmla="*/ 1419322 h 5223286"/>
              <a:gd name="connsiteX3" fmla="*/ 6434631 w 10511628"/>
              <a:gd name="connsiteY3" fmla="*/ 101268 h 5223286"/>
              <a:gd name="connsiteX4" fmla="*/ 6604987 w 10511628"/>
              <a:gd name="connsiteY4" fmla="*/ 31 h 5223286"/>
              <a:gd name="connsiteX5" fmla="*/ 10287549 w 10511628"/>
              <a:gd name="connsiteY5" fmla="*/ 3684 h 5223286"/>
              <a:gd name="connsiteX6" fmla="*/ 10511628 w 10511628"/>
              <a:gd name="connsiteY6" fmla="*/ 227725 h 5223286"/>
              <a:gd name="connsiteX7" fmla="*/ 10511628 w 10511628"/>
              <a:gd name="connsiteY7" fmla="*/ 4999245 h 5223286"/>
              <a:gd name="connsiteX8" fmla="*/ 10287549 w 10511628"/>
              <a:gd name="connsiteY8" fmla="*/ 5223286 h 5223286"/>
              <a:gd name="connsiteX9" fmla="*/ 8647534 w 10511628"/>
              <a:gd name="connsiteY9" fmla="*/ 5223286 h 5223286"/>
              <a:gd name="connsiteX10" fmla="*/ 8423454 w 10511628"/>
              <a:gd name="connsiteY10" fmla="*/ 4999245 h 5223286"/>
              <a:gd name="connsiteX11" fmla="*/ 8423454 w 10511628"/>
              <a:gd name="connsiteY11" fmla="*/ 4292293 h 5223286"/>
              <a:gd name="connsiteX12" fmla="*/ 8007232 w 10511628"/>
              <a:gd name="connsiteY12" fmla="*/ 4177005 h 5223286"/>
              <a:gd name="connsiteX13" fmla="*/ 7444663 w 10511628"/>
              <a:gd name="connsiteY13" fmla="*/ 5114480 h 5223286"/>
              <a:gd name="connsiteX14" fmla="*/ 7252520 w 10511628"/>
              <a:gd name="connsiteY14" fmla="*/ 5223233 h 5223286"/>
              <a:gd name="connsiteX15" fmla="*/ 202842 w 10511628"/>
              <a:gd name="connsiteY15" fmla="*/ 5223233 h 5223286"/>
              <a:gd name="connsiteX16" fmla="*/ 194 w 10511628"/>
              <a:gd name="connsiteY16" fmla="*/ 4999192 h 5223286"/>
              <a:gd name="connsiteX17" fmla="*/ 195 w 10511628"/>
              <a:gd name="connsiteY17" fmla="*/ 3771014 h 5223286"/>
              <a:gd name="connsiteX18" fmla="*/ 38309 w 10511628"/>
              <a:gd name="connsiteY18" fmla="*/ 3605613 h 5223286"/>
              <a:gd name="connsiteX19" fmla="*/ 1253058 w 10511628"/>
              <a:gd name="connsiteY19" fmla="*/ 1594475 h 5223286"/>
              <a:gd name="connsiteX20" fmla="*/ 1402798 w 10511628"/>
              <a:gd name="connsiteY20" fmla="*/ 1501747 h 5223286"/>
              <a:gd name="connsiteX0" fmla="*/ 1402798 w 10511628"/>
              <a:gd name="connsiteY0" fmla="*/ 1501747 h 5223286"/>
              <a:gd name="connsiteX1" fmla="*/ 5524221 w 10511628"/>
              <a:gd name="connsiteY1" fmla="*/ 1501379 h 5223286"/>
              <a:gd name="connsiteX2" fmla="*/ 5646179 w 10511628"/>
              <a:gd name="connsiteY2" fmla="*/ 1419322 h 5223286"/>
              <a:gd name="connsiteX3" fmla="*/ 6434631 w 10511628"/>
              <a:gd name="connsiteY3" fmla="*/ 101268 h 5223286"/>
              <a:gd name="connsiteX4" fmla="*/ 6604987 w 10511628"/>
              <a:gd name="connsiteY4" fmla="*/ 31 h 5223286"/>
              <a:gd name="connsiteX5" fmla="*/ 10287549 w 10511628"/>
              <a:gd name="connsiteY5" fmla="*/ 3684 h 5223286"/>
              <a:gd name="connsiteX6" fmla="*/ 10511628 w 10511628"/>
              <a:gd name="connsiteY6" fmla="*/ 227725 h 5223286"/>
              <a:gd name="connsiteX7" fmla="*/ 10511628 w 10511628"/>
              <a:gd name="connsiteY7" fmla="*/ 4999245 h 5223286"/>
              <a:gd name="connsiteX8" fmla="*/ 10287549 w 10511628"/>
              <a:gd name="connsiteY8" fmla="*/ 5223286 h 5223286"/>
              <a:gd name="connsiteX9" fmla="*/ 8647534 w 10511628"/>
              <a:gd name="connsiteY9" fmla="*/ 5223286 h 5223286"/>
              <a:gd name="connsiteX10" fmla="*/ 8423454 w 10511628"/>
              <a:gd name="connsiteY10" fmla="*/ 4999245 h 5223286"/>
              <a:gd name="connsiteX11" fmla="*/ 8423454 w 10511628"/>
              <a:gd name="connsiteY11" fmla="*/ 4292293 h 5223286"/>
              <a:gd name="connsiteX12" fmla="*/ 8007232 w 10511628"/>
              <a:gd name="connsiteY12" fmla="*/ 4177005 h 5223286"/>
              <a:gd name="connsiteX13" fmla="*/ 7444663 w 10511628"/>
              <a:gd name="connsiteY13" fmla="*/ 5114480 h 5223286"/>
              <a:gd name="connsiteX14" fmla="*/ 7252520 w 10511628"/>
              <a:gd name="connsiteY14" fmla="*/ 5223233 h 5223286"/>
              <a:gd name="connsiteX15" fmla="*/ 202842 w 10511628"/>
              <a:gd name="connsiteY15" fmla="*/ 5223233 h 5223286"/>
              <a:gd name="connsiteX16" fmla="*/ 194 w 10511628"/>
              <a:gd name="connsiteY16" fmla="*/ 4999192 h 5223286"/>
              <a:gd name="connsiteX17" fmla="*/ 195 w 10511628"/>
              <a:gd name="connsiteY17" fmla="*/ 3771014 h 5223286"/>
              <a:gd name="connsiteX18" fmla="*/ 38309 w 10511628"/>
              <a:gd name="connsiteY18" fmla="*/ 3605613 h 5223286"/>
              <a:gd name="connsiteX19" fmla="*/ 1253058 w 10511628"/>
              <a:gd name="connsiteY19" fmla="*/ 1594475 h 5223286"/>
              <a:gd name="connsiteX20" fmla="*/ 1402798 w 10511628"/>
              <a:gd name="connsiteY20" fmla="*/ 1501747 h 5223286"/>
              <a:gd name="connsiteX0" fmla="*/ 1402798 w 10511628"/>
              <a:gd name="connsiteY0" fmla="*/ 1501747 h 5223286"/>
              <a:gd name="connsiteX1" fmla="*/ 5524221 w 10511628"/>
              <a:gd name="connsiteY1" fmla="*/ 1501379 h 5223286"/>
              <a:gd name="connsiteX2" fmla="*/ 5646179 w 10511628"/>
              <a:gd name="connsiteY2" fmla="*/ 1419322 h 5223286"/>
              <a:gd name="connsiteX3" fmla="*/ 6434631 w 10511628"/>
              <a:gd name="connsiteY3" fmla="*/ 101268 h 5223286"/>
              <a:gd name="connsiteX4" fmla="*/ 6604987 w 10511628"/>
              <a:gd name="connsiteY4" fmla="*/ 31 h 5223286"/>
              <a:gd name="connsiteX5" fmla="*/ 10287549 w 10511628"/>
              <a:gd name="connsiteY5" fmla="*/ 3684 h 5223286"/>
              <a:gd name="connsiteX6" fmla="*/ 10511628 w 10511628"/>
              <a:gd name="connsiteY6" fmla="*/ 227725 h 5223286"/>
              <a:gd name="connsiteX7" fmla="*/ 10511628 w 10511628"/>
              <a:gd name="connsiteY7" fmla="*/ 4999245 h 5223286"/>
              <a:gd name="connsiteX8" fmla="*/ 10287549 w 10511628"/>
              <a:gd name="connsiteY8" fmla="*/ 5223286 h 5223286"/>
              <a:gd name="connsiteX9" fmla="*/ 8647534 w 10511628"/>
              <a:gd name="connsiteY9" fmla="*/ 5223286 h 5223286"/>
              <a:gd name="connsiteX10" fmla="*/ 8423454 w 10511628"/>
              <a:gd name="connsiteY10" fmla="*/ 4999245 h 5223286"/>
              <a:gd name="connsiteX11" fmla="*/ 8423454 w 10511628"/>
              <a:gd name="connsiteY11" fmla="*/ 4292293 h 5223286"/>
              <a:gd name="connsiteX12" fmla="*/ 8007232 w 10511628"/>
              <a:gd name="connsiteY12" fmla="*/ 4177005 h 5223286"/>
              <a:gd name="connsiteX13" fmla="*/ 7444663 w 10511628"/>
              <a:gd name="connsiteY13" fmla="*/ 5114480 h 5223286"/>
              <a:gd name="connsiteX14" fmla="*/ 7252520 w 10511628"/>
              <a:gd name="connsiteY14" fmla="*/ 5223233 h 5223286"/>
              <a:gd name="connsiteX15" fmla="*/ 202842 w 10511628"/>
              <a:gd name="connsiteY15" fmla="*/ 5223233 h 5223286"/>
              <a:gd name="connsiteX16" fmla="*/ 194 w 10511628"/>
              <a:gd name="connsiteY16" fmla="*/ 4999192 h 5223286"/>
              <a:gd name="connsiteX17" fmla="*/ 195 w 10511628"/>
              <a:gd name="connsiteY17" fmla="*/ 3771014 h 5223286"/>
              <a:gd name="connsiteX18" fmla="*/ 38309 w 10511628"/>
              <a:gd name="connsiteY18" fmla="*/ 3605613 h 5223286"/>
              <a:gd name="connsiteX19" fmla="*/ 1253058 w 10511628"/>
              <a:gd name="connsiteY19" fmla="*/ 1594475 h 5223286"/>
              <a:gd name="connsiteX20" fmla="*/ 1402798 w 10511628"/>
              <a:gd name="connsiteY20" fmla="*/ 1501747 h 5223286"/>
              <a:gd name="connsiteX0" fmla="*/ 1405878 w 10514708"/>
              <a:gd name="connsiteY0" fmla="*/ 1501747 h 5223286"/>
              <a:gd name="connsiteX1" fmla="*/ 5527301 w 10514708"/>
              <a:gd name="connsiteY1" fmla="*/ 1501379 h 5223286"/>
              <a:gd name="connsiteX2" fmla="*/ 5649259 w 10514708"/>
              <a:gd name="connsiteY2" fmla="*/ 1419322 h 5223286"/>
              <a:gd name="connsiteX3" fmla="*/ 6437711 w 10514708"/>
              <a:gd name="connsiteY3" fmla="*/ 101268 h 5223286"/>
              <a:gd name="connsiteX4" fmla="*/ 6608067 w 10514708"/>
              <a:gd name="connsiteY4" fmla="*/ 31 h 5223286"/>
              <a:gd name="connsiteX5" fmla="*/ 10290629 w 10514708"/>
              <a:gd name="connsiteY5" fmla="*/ 3684 h 5223286"/>
              <a:gd name="connsiteX6" fmla="*/ 10514708 w 10514708"/>
              <a:gd name="connsiteY6" fmla="*/ 227725 h 5223286"/>
              <a:gd name="connsiteX7" fmla="*/ 10514708 w 10514708"/>
              <a:gd name="connsiteY7" fmla="*/ 4999245 h 5223286"/>
              <a:gd name="connsiteX8" fmla="*/ 10290629 w 10514708"/>
              <a:gd name="connsiteY8" fmla="*/ 5223286 h 5223286"/>
              <a:gd name="connsiteX9" fmla="*/ 8650614 w 10514708"/>
              <a:gd name="connsiteY9" fmla="*/ 5223286 h 5223286"/>
              <a:gd name="connsiteX10" fmla="*/ 8426534 w 10514708"/>
              <a:gd name="connsiteY10" fmla="*/ 4999245 h 5223286"/>
              <a:gd name="connsiteX11" fmla="*/ 8426534 w 10514708"/>
              <a:gd name="connsiteY11" fmla="*/ 4292293 h 5223286"/>
              <a:gd name="connsiteX12" fmla="*/ 8010312 w 10514708"/>
              <a:gd name="connsiteY12" fmla="*/ 4177005 h 5223286"/>
              <a:gd name="connsiteX13" fmla="*/ 7447743 w 10514708"/>
              <a:gd name="connsiteY13" fmla="*/ 5114480 h 5223286"/>
              <a:gd name="connsiteX14" fmla="*/ 7255600 w 10514708"/>
              <a:gd name="connsiteY14" fmla="*/ 5223233 h 5223286"/>
              <a:gd name="connsiteX15" fmla="*/ 205922 w 10514708"/>
              <a:gd name="connsiteY15" fmla="*/ 5223233 h 5223286"/>
              <a:gd name="connsiteX16" fmla="*/ 3274 w 10514708"/>
              <a:gd name="connsiteY16" fmla="*/ 4999192 h 5223286"/>
              <a:gd name="connsiteX17" fmla="*/ 3275 w 10514708"/>
              <a:gd name="connsiteY17" fmla="*/ 3771014 h 5223286"/>
              <a:gd name="connsiteX18" fmla="*/ 46151 w 10514708"/>
              <a:gd name="connsiteY18" fmla="*/ 3400825 h 5223286"/>
              <a:gd name="connsiteX19" fmla="*/ 1256138 w 10514708"/>
              <a:gd name="connsiteY19" fmla="*/ 1594475 h 5223286"/>
              <a:gd name="connsiteX20" fmla="*/ 1405878 w 10514708"/>
              <a:gd name="connsiteY20" fmla="*/ 1501747 h 5223286"/>
              <a:gd name="connsiteX0" fmla="*/ 1407714 w 10516544"/>
              <a:gd name="connsiteY0" fmla="*/ 1501747 h 5223286"/>
              <a:gd name="connsiteX1" fmla="*/ 5529137 w 10516544"/>
              <a:gd name="connsiteY1" fmla="*/ 1501379 h 5223286"/>
              <a:gd name="connsiteX2" fmla="*/ 5651095 w 10516544"/>
              <a:gd name="connsiteY2" fmla="*/ 1419322 h 5223286"/>
              <a:gd name="connsiteX3" fmla="*/ 6439547 w 10516544"/>
              <a:gd name="connsiteY3" fmla="*/ 101268 h 5223286"/>
              <a:gd name="connsiteX4" fmla="*/ 6609903 w 10516544"/>
              <a:gd name="connsiteY4" fmla="*/ 31 h 5223286"/>
              <a:gd name="connsiteX5" fmla="*/ 10292465 w 10516544"/>
              <a:gd name="connsiteY5" fmla="*/ 3684 h 5223286"/>
              <a:gd name="connsiteX6" fmla="*/ 10516544 w 10516544"/>
              <a:gd name="connsiteY6" fmla="*/ 227725 h 5223286"/>
              <a:gd name="connsiteX7" fmla="*/ 10516544 w 10516544"/>
              <a:gd name="connsiteY7" fmla="*/ 4999245 h 5223286"/>
              <a:gd name="connsiteX8" fmla="*/ 10292465 w 10516544"/>
              <a:gd name="connsiteY8" fmla="*/ 5223286 h 5223286"/>
              <a:gd name="connsiteX9" fmla="*/ 8652450 w 10516544"/>
              <a:gd name="connsiteY9" fmla="*/ 5223286 h 5223286"/>
              <a:gd name="connsiteX10" fmla="*/ 8428370 w 10516544"/>
              <a:gd name="connsiteY10" fmla="*/ 4999245 h 5223286"/>
              <a:gd name="connsiteX11" fmla="*/ 8428370 w 10516544"/>
              <a:gd name="connsiteY11" fmla="*/ 4292293 h 5223286"/>
              <a:gd name="connsiteX12" fmla="*/ 8012148 w 10516544"/>
              <a:gd name="connsiteY12" fmla="*/ 4177005 h 5223286"/>
              <a:gd name="connsiteX13" fmla="*/ 7449579 w 10516544"/>
              <a:gd name="connsiteY13" fmla="*/ 5114480 h 5223286"/>
              <a:gd name="connsiteX14" fmla="*/ 7257436 w 10516544"/>
              <a:gd name="connsiteY14" fmla="*/ 5223233 h 5223286"/>
              <a:gd name="connsiteX15" fmla="*/ 207758 w 10516544"/>
              <a:gd name="connsiteY15" fmla="*/ 5223233 h 5223286"/>
              <a:gd name="connsiteX16" fmla="*/ 5110 w 10516544"/>
              <a:gd name="connsiteY16" fmla="*/ 4999192 h 5223286"/>
              <a:gd name="connsiteX17" fmla="*/ 2730 w 10516544"/>
              <a:gd name="connsiteY17" fmla="*/ 3540033 h 5223286"/>
              <a:gd name="connsiteX18" fmla="*/ 47987 w 10516544"/>
              <a:gd name="connsiteY18" fmla="*/ 3400825 h 5223286"/>
              <a:gd name="connsiteX19" fmla="*/ 1257974 w 10516544"/>
              <a:gd name="connsiteY19" fmla="*/ 1594475 h 5223286"/>
              <a:gd name="connsiteX20" fmla="*/ 1407714 w 10516544"/>
              <a:gd name="connsiteY20" fmla="*/ 1501747 h 5223286"/>
              <a:gd name="connsiteX0" fmla="*/ 1407714 w 10516544"/>
              <a:gd name="connsiteY0" fmla="*/ 1501747 h 5223286"/>
              <a:gd name="connsiteX1" fmla="*/ 5529137 w 10516544"/>
              <a:gd name="connsiteY1" fmla="*/ 1501379 h 5223286"/>
              <a:gd name="connsiteX2" fmla="*/ 5651095 w 10516544"/>
              <a:gd name="connsiteY2" fmla="*/ 1419322 h 5223286"/>
              <a:gd name="connsiteX3" fmla="*/ 6439547 w 10516544"/>
              <a:gd name="connsiteY3" fmla="*/ 101268 h 5223286"/>
              <a:gd name="connsiteX4" fmla="*/ 6609903 w 10516544"/>
              <a:gd name="connsiteY4" fmla="*/ 31 h 5223286"/>
              <a:gd name="connsiteX5" fmla="*/ 10292465 w 10516544"/>
              <a:gd name="connsiteY5" fmla="*/ 3684 h 5223286"/>
              <a:gd name="connsiteX6" fmla="*/ 10516544 w 10516544"/>
              <a:gd name="connsiteY6" fmla="*/ 227725 h 5223286"/>
              <a:gd name="connsiteX7" fmla="*/ 10516544 w 10516544"/>
              <a:gd name="connsiteY7" fmla="*/ 4999245 h 5223286"/>
              <a:gd name="connsiteX8" fmla="*/ 10292465 w 10516544"/>
              <a:gd name="connsiteY8" fmla="*/ 5223286 h 5223286"/>
              <a:gd name="connsiteX9" fmla="*/ 8652450 w 10516544"/>
              <a:gd name="connsiteY9" fmla="*/ 5223286 h 5223286"/>
              <a:gd name="connsiteX10" fmla="*/ 8428370 w 10516544"/>
              <a:gd name="connsiteY10" fmla="*/ 4999245 h 5223286"/>
              <a:gd name="connsiteX11" fmla="*/ 8428370 w 10516544"/>
              <a:gd name="connsiteY11" fmla="*/ 4292293 h 5223286"/>
              <a:gd name="connsiteX12" fmla="*/ 8012148 w 10516544"/>
              <a:gd name="connsiteY12" fmla="*/ 4177005 h 5223286"/>
              <a:gd name="connsiteX13" fmla="*/ 7449579 w 10516544"/>
              <a:gd name="connsiteY13" fmla="*/ 5114480 h 5223286"/>
              <a:gd name="connsiteX14" fmla="*/ 7257436 w 10516544"/>
              <a:gd name="connsiteY14" fmla="*/ 5223233 h 5223286"/>
              <a:gd name="connsiteX15" fmla="*/ 207758 w 10516544"/>
              <a:gd name="connsiteY15" fmla="*/ 5223233 h 5223286"/>
              <a:gd name="connsiteX16" fmla="*/ 5110 w 10516544"/>
              <a:gd name="connsiteY16" fmla="*/ 4999192 h 5223286"/>
              <a:gd name="connsiteX17" fmla="*/ 2730 w 10516544"/>
              <a:gd name="connsiteY17" fmla="*/ 3540033 h 5223286"/>
              <a:gd name="connsiteX18" fmla="*/ 47987 w 10516544"/>
              <a:gd name="connsiteY18" fmla="*/ 3400825 h 5223286"/>
              <a:gd name="connsiteX19" fmla="*/ 1257974 w 10516544"/>
              <a:gd name="connsiteY19" fmla="*/ 1594475 h 5223286"/>
              <a:gd name="connsiteX20" fmla="*/ 1407714 w 10516544"/>
              <a:gd name="connsiteY20" fmla="*/ 1501747 h 5223286"/>
              <a:gd name="connsiteX0" fmla="*/ 1405697 w 10514527"/>
              <a:gd name="connsiteY0" fmla="*/ 1501747 h 5223286"/>
              <a:gd name="connsiteX1" fmla="*/ 5527120 w 10514527"/>
              <a:gd name="connsiteY1" fmla="*/ 1501379 h 5223286"/>
              <a:gd name="connsiteX2" fmla="*/ 5649078 w 10514527"/>
              <a:gd name="connsiteY2" fmla="*/ 1419322 h 5223286"/>
              <a:gd name="connsiteX3" fmla="*/ 6437530 w 10514527"/>
              <a:gd name="connsiteY3" fmla="*/ 101268 h 5223286"/>
              <a:gd name="connsiteX4" fmla="*/ 6607886 w 10514527"/>
              <a:gd name="connsiteY4" fmla="*/ 31 h 5223286"/>
              <a:gd name="connsiteX5" fmla="*/ 10290448 w 10514527"/>
              <a:gd name="connsiteY5" fmla="*/ 3684 h 5223286"/>
              <a:gd name="connsiteX6" fmla="*/ 10514527 w 10514527"/>
              <a:gd name="connsiteY6" fmla="*/ 227725 h 5223286"/>
              <a:gd name="connsiteX7" fmla="*/ 10514527 w 10514527"/>
              <a:gd name="connsiteY7" fmla="*/ 4999245 h 5223286"/>
              <a:gd name="connsiteX8" fmla="*/ 10290448 w 10514527"/>
              <a:gd name="connsiteY8" fmla="*/ 5223286 h 5223286"/>
              <a:gd name="connsiteX9" fmla="*/ 8650433 w 10514527"/>
              <a:gd name="connsiteY9" fmla="*/ 5223286 h 5223286"/>
              <a:gd name="connsiteX10" fmla="*/ 8426353 w 10514527"/>
              <a:gd name="connsiteY10" fmla="*/ 4999245 h 5223286"/>
              <a:gd name="connsiteX11" fmla="*/ 8426353 w 10514527"/>
              <a:gd name="connsiteY11" fmla="*/ 4292293 h 5223286"/>
              <a:gd name="connsiteX12" fmla="*/ 8010131 w 10514527"/>
              <a:gd name="connsiteY12" fmla="*/ 4177005 h 5223286"/>
              <a:gd name="connsiteX13" fmla="*/ 7447562 w 10514527"/>
              <a:gd name="connsiteY13" fmla="*/ 5114480 h 5223286"/>
              <a:gd name="connsiteX14" fmla="*/ 7255419 w 10514527"/>
              <a:gd name="connsiteY14" fmla="*/ 5223233 h 5223286"/>
              <a:gd name="connsiteX15" fmla="*/ 205741 w 10514527"/>
              <a:gd name="connsiteY15" fmla="*/ 5223233 h 5223286"/>
              <a:gd name="connsiteX16" fmla="*/ 3093 w 10514527"/>
              <a:gd name="connsiteY16" fmla="*/ 4999192 h 5223286"/>
              <a:gd name="connsiteX17" fmla="*/ 713 w 10514527"/>
              <a:gd name="connsiteY17" fmla="*/ 3540033 h 5223286"/>
              <a:gd name="connsiteX18" fmla="*/ 45970 w 10514527"/>
              <a:gd name="connsiteY18" fmla="*/ 3400825 h 5223286"/>
              <a:gd name="connsiteX19" fmla="*/ 1255957 w 10514527"/>
              <a:gd name="connsiteY19" fmla="*/ 1594475 h 5223286"/>
              <a:gd name="connsiteX20" fmla="*/ 1405697 w 10514527"/>
              <a:gd name="connsiteY20" fmla="*/ 1501747 h 5223286"/>
              <a:gd name="connsiteX0" fmla="*/ 1405697 w 10514527"/>
              <a:gd name="connsiteY0" fmla="*/ 1501747 h 5223286"/>
              <a:gd name="connsiteX1" fmla="*/ 5527120 w 10514527"/>
              <a:gd name="connsiteY1" fmla="*/ 1501379 h 5223286"/>
              <a:gd name="connsiteX2" fmla="*/ 5649078 w 10514527"/>
              <a:gd name="connsiteY2" fmla="*/ 1419322 h 5223286"/>
              <a:gd name="connsiteX3" fmla="*/ 6437530 w 10514527"/>
              <a:gd name="connsiteY3" fmla="*/ 101268 h 5223286"/>
              <a:gd name="connsiteX4" fmla="*/ 6607886 w 10514527"/>
              <a:gd name="connsiteY4" fmla="*/ 31 h 5223286"/>
              <a:gd name="connsiteX5" fmla="*/ 10290448 w 10514527"/>
              <a:gd name="connsiteY5" fmla="*/ 3684 h 5223286"/>
              <a:gd name="connsiteX6" fmla="*/ 10514527 w 10514527"/>
              <a:gd name="connsiteY6" fmla="*/ 227725 h 5223286"/>
              <a:gd name="connsiteX7" fmla="*/ 10514527 w 10514527"/>
              <a:gd name="connsiteY7" fmla="*/ 4999245 h 5223286"/>
              <a:gd name="connsiteX8" fmla="*/ 10290448 w 10514527"/>
              <a:gd name="connsiteY8" fmla="*/ 5223286 h 5223286"/>
              <a:gd name="connsiteX9" fmla="*/ 8650433 w 10514527"/>
              <a:gd name="connsiteY9" fmla="*/ 5223286 h 5223286"/>
              <a:gd name="connsiteX10" fmla="*/ 8426353 w 10514527"/>
              <a:gd name="connsiteY10" fmla="*/ 4999245 h 5223286"/>
              <a:gd name="connsiteX11" fmla="*/ 8426353 w 10514527"/>
              <a:gd name="connsiteY11" fmla="*/ 4292293 h 5223286"/>
              <a:gd name="connsiteX12" fmla="*/ 8010131 w 10514527"/>
              <a:gd name="connsiteY12" fmla="*/ 4177005 h 5223286"/>
              <a:gd name="connsiteX13" fmla="*/ 7447562 w 10514527"/>
              <a:gd name="connsiteY13" fmla="*/ 5114480 h 5223286"/>
              <a:gd name="connsiteX14" fmla="*/ 7255419 w 10514527"/>
              <a:gd name="connsiteY14" fmla="*/ 5223233 h 5223286"/>
              <a:gd name="connsiteX15" fmla="*/ 205741 w 10514527"/>
              <a:gd name="connsiteY15" fmla="*/ 5223233 h 5223286"/>
              <a:gd name="connsiteX16" fmla="*/ 3093 w 10514527"/>
              <a:gd name="connsiteY16" fmla="*/ 4999192 h 5223286"/>
              <a:gd name="connsiteX17" fmla="*/ 713 w 10514527"/>
              <a:gd name="connsiteY17" fmla="*/ 3568608 h 5223286"/>
              <a:gd name="connsiteX18" fmla="*/ 45970 w 10514527"/>
              <a:gd name="connsiteY18" fmla="*/ 3400825 h 5223286"/>
              <a:gd name="connsiteX19" fmla="*/ 1255957 w 10514527"/>
              <a:gd name="connsiteY19" fmla="*/ 1594475 h 5223286"/>
              <a:gd name="connsiteX20" fmla="*/ 1405697 w 10514527"/>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44039 w 10512596"/>
              <a:gd name="connsiteY18" fmla="*/ 3400825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1254026 w 10512596"/>
              <a:gd name="connsiteY19" fmla="*/ 1594475 h 5223286"/>
              <a:gd name="connsiteX20" fmla="*/ 1403766 w 10512596"/>
              <a:gd name="connsiteY20" fmla="*/ 1501747 h 5223286"/>
              <a:gd name="connsiteX0" fmla="*/ 1403766 w 10512596"/>
              <a:gd name="connsiteY0" fmla="*/ 1501747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994469 w 10512596"/>
              <a:gd name="connsiteY19" fmla="*/ 1818312 h 5223286"/>
              <a:gd name="connsiteX20" fmla="*/ 1403766 w 10512596"/>
              <a:gd name="connsiteY20" fmla="*/ 1501747 h 5223286"/>
              <a:gd name="connsiteX0" fmla="*/ 1160879 w 10512596"/>
              <a:gd name="connsiteY0" fmla="*/ 1735110 h 5223286"/>
              <a:gd name="connsiteX1" fmla="*/ 5525189 w 10512596"/>
              <a:gd name="connsiteY1" fmla="*/ 15013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994469 w 10512596"/>
              <a:gd name="connsiteY19" fmla="*/ 1818312 h 5223286"/>
              <a:gd name="connsiteX20" fmla="*/ 1160879 w 10512596"/>
              <a:gd name="connsiteY20" fmla="*/ 1735110 h 5223286"/>
              <a:gd name="connsiteX0" fmla="*/ 1160879 w 10512596"/>
              <a:gd name="connsiteY0" fmla="*/ 1735110 h 5223286"/>
              <a:gd name="connsiteX1" fmla="*/ 5101326 w 10512596"/>
              <a:gd name="connsiteY1" fmla="*/ 1729979 h 5223286"/>
              <a:gd name="connsiteX2" fmla="*/ 5647147 w 10512596"/>
              <a:gd name="connsiteY2" fmla="*/ 1419322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994469 w 10512596"/>
              <a:gd name="connsiteY19" fmla="*/ 1818312 h 5223286"/>
              <a:gd name="connsiteX20" fmla="*/ 1160879 w 10512596"/>
              <a:gd name="connsiteY20" fmla="*/ 1735110 h 5223286"/>
              <a:gd name="connsiteX0" fmla="*/ 1160879 w 10512596"/>
              <a:gd name="connsiteY0" fmla="*/ 1735110 h 5223286"/>
              <a:gd name="connsiteX1" fmla="*/ 5101326 w 10512596"/>
              <a:gd name="connsiteY1" fmla="*/ 1729979 h 5223286"/>
              <a:gd name="connsiteX2" fmla="*/ 5332822 w 10512596"/>
              <a:gd name="connsiteY2" fmla="*/ 1497904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994469 w 10512596"/>
              <a:gd name="connsiteY19" fmla="*/ 1818312 h 5223286"/>
              <a:gd name="connsiteX20" fmla="*/ 1160879 w 10512596"/>
              <a:gd name="connsiteY20" fmla="*/ 1735110 h 5223286"/>
              <a:gd name="connsiteX0" fmla="*/ 1160879 w 10512596"/>
              <a:gd name="connsiteY0" fmla="*/ 1735110 h 5223286"/>
              <a:gd name="connsiteX1" fmla="*/ 5101326 w 10512596"/>
              <a:gd name="connsiteY1" fmla="*/ 1729979 h 5223286"/>
              <a:gd name="connsiteX2" fmla="*/ 5268528 w 10512596"/>
              <a:gd name="connsiteY2" fmla="*/ 1640779 h 5223286"/>
              <a:gd name="connsiteX3" fmla="*/ 6435599 w 10512596"/>
              <a:gd name="connsiteY3" fmla="*/ 101268 h 5223286"/>
              <a:gd name="connsiteX4" fmla="*/ 6605955 w 10512596"/>
              <a:gd name="connsiteY4" fmla="*/ 31 h 5223286"/>
              <a:gd name="connsiteX5" fmla="*/ 10288517 w 10512596"/>
              <a:gd name="connsiteY5" fmla="*/ 3684 h 5223286"/>
              <a:gd name="connsiteX6" fmla="*/ 10512596 w 10512596"/>
              <a:gd name="connsiteY6" fmla="*/ 227725 h 5223286"/>
              <a:gd name="connsiteX7" fmla="*/ 10512596 w 10512596"/>
              <a:gd name="connsiteY7" fmla="*/ 4999245 h 5223286"/>
              <a:gd name="connsiteX8" fmla="*/ 10288517 w 10512596"/>
              <a:gd name="connsiteY8" fmla="*/ 5223286 h 5223286"/>
              <a:gd name="connsiteX9" fmla="*/ 8648502 w 10512596"/>
              <a:gd name="connsiteY9" fmla="*/ 5223286 h 5223286"/>
              <a:gd name="connsiteX10" fmla="*/ 8424422 w 10512596"/>
              <a:gd name="connsiteY10" fmla="*/ 4999245 h 5223286"/>
              <a:gd name="connsiteX11" fmla="*/ 8424422 w 10512596"/>
              <a:gd name="connsiteY11" fmla="*/ 4292293 h 5223286"/>
              <a:gd name="connsiteX12" fmla="*/ 8008200 w 10512596"/>
              <a:gd name="connsiteY12" fmla="*/ 4177005 h 5223286"/>
              <a:gd name="connsiteX13" fmla="*/ 7445631 w 10512596"/>
              <a:gd name="connsiteY13" fmla="*/ 5114480 h 5223286"/>
              <a:gd name="connsiteX14" fmla="*/ 7253488 w 10512596"/>
              <a:gd name="connsiteY14" fmla="*/ 5223233 h 5223286"/>
              <a:gd name="connsiteX15" fmla="*/ 203810 w 10512596"/>
              <a:gd name="connsiteY15" fmla="*/ 5223233 h 5223286"/>
              <a:gd name="connsiteX16" fmla="*/ 1162 w 10512596"/>
              <a:gd name="connsiteY16" fmla="*/ 4999192 h 5223286"/>
              <a:gd name="connsiteX17" fmla="*/ 1164 w 10512596"/>
              <a:gd name="connsiteY17" fmla="*/ 3559083 h 5223286"/>
              <a:gd name="connsiteX18" fmla="*/ 67852 w 10512596"/>
              <a:gd name="connsiteY18" fmla="*/ 3357963 h 5223286"/>
              <a:gd name="connsiteX19" fmla="*/ 994469 w 10512596"/>
              <a:gd name="connsiteY19" fmla="*/ 1818312 h 5223286"/>
              <a:gd name="connsiteX20" fmla="*/ 1160879 w 10512596"/>
              <a:gd name="connsiteY20" fmla="*/ 1735110 h 5223286"/>
              <a:gd name="connsiteX0" fmla="*/ 1160879 w 10512596"/>
              <a:gd name="connsiteY0" fmla="*/ 1735161 h 5223337"/>
              <a:gd name="connsiteX1" fmla="*/ 5101326 w 10512596"/>
              <a:gd name="connsiteY1" fmla="*/ 1730030 h 5223337"/>
              <a:gd name="connsiteX2" fmla="*/ 5268528 w 10512596"/>
              <a:gd name="connsiteY2" fmla="*/ 1640830 h 5223337"/>
              <a:gd name="connsiteX3" fmla="*/ 6214142 w 10512596"/>
              <a:gd name="connsiteY3" fmla="*/ 79887 h 5223337"/>
              <a:gd name="connsiteX4" fmla="*/ 6605955 w 10512596"/>
              <a:gd name="connsiteY4" fmla="*/ 82 h 5223337"/>
              <a:gd name="connsiteX5" fmla="*/ 10288517 w 10512596"/>
              <a:gd name="connsiteY5" fmla="*/ 3735 h 5223337"/>
              <a:gd name="connsiteX6" fmla="*/ 10512596 w 10512596"/>
              <a:gd name="connsiteY6" fmla="*/ 227776 h 5223337"/>
              <a:gd name="connsiteX7" fmla="*/ 10512596 w 10512596"/>
              <a:gd name="connsiteY7" fmla="*/ 4999296 h 5223337"/>
              <a:gd name="connsiteX8" fmla="*/ 10288517 w 10512596"/>
              <a:gd name="connsiteY8" fmla="*/ 5223337 h 5223337"/>
              <a:gd name="connsiteX9" fmla="*/ 8648502 w 10512596"/>
              <a:gd name="connsiteY9" fmla="*/ 5223337 h 5223337"/>
              <a:gd name="connsiteX10" fmla="*/ 8424422 w 10512596"/>
              <a:gd name="connsiteY10" fmla="*/ 4999296 h 5223337"/>
              <a:gd name="connsiteX11" fmla="*/ 8424422 w 10512596"/>
              <a:gd name="connsiteY11" fmla="*/ 4292344 h 5223337"/>
              <a:gd name="connsiteX12" fmla="*/ 8008200 w 10512596"/>
              <a:gd name="connsiteY12" fmla="*/ 4177056 h 5223337"/>
              <a:gd name="connsiteX13" fmla="*/ 7445631 w 10512596"/>
              <a:gd name="connsiteY13" fmla="*/ 5114531 h 5223337"/>
              <a:gd name="connsiteX14" fmla="*/ 7253488 w 10512596"/>
              <a:gd name="connsiteY14" fmla="*/ 5223284 h 5223337"/>
              <a:gd name="connsiteX15" fmla="*/ 203810 w 10512596"/>
              <a:gd name="connsiteY15" fmla="*/ 5223284 h 5223337"/>
              <a:gd name="connsiteX16" fmla="*/ 1162 w 10512596"/>
              <a:gd name="connsiteY16" fmla="*/ 4999243 h 5223337"/>
              <a:gd name="connsiteX17" fmla="*/ 1164 w 10512596"/>
              <a:gd name="connsiteY17" fmla="*/ 3559134 h 5223337"/>
              <a:gd name="connsiteX18" fmla="*/ 67852 w 10512596"/>
              <a:gd name="connsiteY18" fmla="*/ 3358014 h 5223337"/>
              <a:gd name="connsiteX19" fmla="*/ 994469 w 10512596"/>
              <a:gd name="connsiteY19" fmla="*/ 1818363 h 5223337"/>
              <a:gd name="connsiteX20" fmla="*/ 1160879 w 10512596"/>
              <a:gd name="connsiteY20" fmla="*/ 1735161 h 5223337"/>
              <a:gd name="connsiteX0" fmla="*/ 1160879 w 10512596"/>
              <a:gd name="connsiteY0" fmla="*/ 1742276 h 5230452"/>
              <a:gd name="connsiteX1" fmla="*/ 5101326 w 10512596"/>
              <a:gd name="connsiteY1" fmla="*/ 1737145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94469 w 10512596"/>
              <a:gd name="connsiteY19" fmla="*/ 1825478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94469 w 10512596"/>
              <a:gd name="connsiteY19" fmla="*/ 1825478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94469 w 10512596"/>
              <a:gd name="connsiteY19" fmla="*/ 1825478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94469 w 10512596"/>
              <a:gd name="connsiteY19" fmla="*/ 1825478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60879 w 10512596"/>
              <a:gd name="connsiteY20" fmla="*/ 1742276 h 5230452"/>
              <a:gd name="connsiteX0" fmla="*/ 1160879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60879 w 10512596"/>
              <a:gd name="connsiteY20" fmla="*/ 1742276 h 5230452"/>
              <a:gd name="connsiteX0" fmla="*/ 1182310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82310 w 10512596"/>
              <a:gd name="connsiteY20" fmla="*/ 1742276 h 5230452"/>
              <a:gd name="connsiteX0" fmla="*/ 1182310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82310 w 10512596"/>
              <a:gd name="connsiteY20" fmla="*/ 1742276 h 5230452"/>
              <a:gd name="connsiteX0" fmla="*/ 1182310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82310 w 10512596"/>
              <a:gd name="connsiteY20" fmla="*/ 1742276 h 5230452"/>
              <a:gd name="connsiteX0" fmla="*/ 1182310 w 10512596"/>
              <a:gd name="connsiteY0" fmla="*/ 1742276 h 5230452"/>
              <a:gd name="connsiteX1" fmla="*/ 5101326 w 10512596"/>
              <a:gd name="connsiteY1" fmla="*/ 1744289 h 5230452"/>
              <a:gd name="connsiteX2" fmla="*/ 5268528 w 10512596"/>
              <a:gd name="connsiteY2" fmla="*/ 1647945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82310 w 10512596"/>
              <a:gd name="connsiteY20" fmla="*/ 1742276 h 5230452"/>
              <a:gd name="connsiteX0" fmla="*/ 1182310 w 10512596"/>
              <a:gd name="connsiteY0" fmla="*/ 1742276 h 5230452"/>
              <a:gd name="connsiteX1" fmla="*/ 5101326 w 10512596"/>
              <a:gd name="connsiteY1" fmla="*/ 1744289 h 5230452"/>
              <a:gd name="connsiteX2" fmla="*/ 5278053 w 10512596"/>
              <a:gd name="connsiteY2" fmla="*/ 1640801 h 5230452"/>
              <a:gd name="connsiteX3" fmla="*/ 6214142 w 10512596"/>
              <a:gd name="connsiteY3" fmla="*/ 87002 h 5230452"/>
              <a:gd name="connsiteX4" fmla="*/ 6394024 w 10512596"/>
              <a:gd name="connsiteY4" fmla="*/ 53 h 5230452"/>
              <a:gd name="connsiteX5" fmla="*/ 10288517 w 10512596"/>
              <a:gd name="connsiteY5" fmla="*/ 10850 h 5230452"/>
              <a:gd name="connsiteX6" fmla="*/ 10512596 w 10512596"/>
              <a:gd name="connsiteY6" fmla="*/ 234891 h 5230452"/>
              <a:gd name="connsiteX7" fmla="*/ 10512596 w 10512596"/>
              <a:gd name="connsiteY7" fmla="*/ 5006411 h 5230452"/>
              <a:gd name="connsiteX8" fmla="*/ 10288517 w 10512596"/>
              <a:gd name="connsiteY8" fmla="*/ 5230452 h 5230452"/>
              <a:gd name="connsiteX9" fmla="*/ 8648502 w 10512596"/>
              <a:gd name="connsiteY9" fmla="*/ 5230452 h 5230452"/>
              <a:gd name="connsiteX10" fmla="*/ 8424422 w 10512596"/>
              <a:gd name="connsiteY10" fmla="*/ 5006411 h 5230452"/>
              <a:gd name="connsiteX11" fmla="*/ 8424422 w 10512596"/>
              <a:gd name="connsiteY11" fmla="*/ 4299459 h 5230452"/>
              <a:gd name="connsiteX12" fmla="*/ 8008200 w 10512596"/>
              <a:gd name="connsiteY12" fmla="*/ 4184171 h 5230452"/>
              <a:gd name="connsiteX13" fmla="*/ 7445631 w 10512596"/>
              <a:gd name="connsiteY13" fmla="*/ 5121646 h 5230452"/>
              <a:gd name="connsiteX14" fmla="*/ 7253488 w 10512596"/>
              <a:gd name="connsiteY14" fmla="*/ 5230399 h 5230452"/>
              <a:gd name="connsiteX15" fmla="*/ 203810 w 10512596"/>
              <a:gd name="connsiteY15" fmla="*/ 5230399 h 5230452"/>
              <a:gd name="connsiteX16" fmla="*/ 1162 w 10512596"/>
              <a:gd name="connsiteY16" fmla="*/ 5006358 h 5230452"/>
              <a:gd name="connsiteX17" fmla="*/ 1164 w 10512596"/>
              <a:gd name="connsiteY17" fmla="*/ 3566249 h 5230452"/>
              <a:gd name="connsiteX18" fmla="*/ 67852 w 10512596"/>
              <a:gd name="connsiteY18" fmla="*/ 3365129 h 5230452"/>
              <a:gd name="connsiteX19" fmla="*/ 982563 w 10512596"/>
              <a:gd name="connsiteY19" fmla="*/ 1849290 h 5230452"/>
              <a:gd name="connsiteX20" fmla="*/ 1182310 w 10512596"/>
              <a:gd name="connsiteY20" fmla="*/ 1742276 h 5230452"/>
              <a:gd name="connsiteX0" fmla="*/ 1182310 w 10512596"/>
              <a:gd name="connsiteY0" fmla="*/ 1739904 h 5228080"/>
              <a:gd name="connsiteX1" fmla="*/ 5101326 w 10512596"/>
              <a:gd name="connsiteY1" fmla="*/ 1741917 h 5228080"/>
              <a:gd name="connsiteX2" fmla="*/ 5278053 w 10512596"/>
              <a:gd name="connsiteY2" fmla="*/ 1638429 h 5228080"/>
              <a:gd name="connsiteX3" fmla="*/ 6214142 w 10512596"/>
              <a:gd name="connsiteY3" fmla="*/ 84630 h 5228080"/>
              <a:gd name="connsiteX4" fmla="*/ 6405930 w 10512596"/>
              <a:gd name="connsiteY4" fmla="*/ 62 h 5228080"/>
              <a:gd name="connsiteX5" fmla="*/ 10288517 w 10512596"/>
              <a:gd name="connsiteY5" fmla="*/ 8478 h 5228080"/>
              <a:gd name="connsiteX6" fmla="*/ 10512596 w 10512596"/>
              <a:gd name="connsiteY6" fmla="*/ 232519 h 5228080"/>
              <a:gd name="connsiteX7" fmla="*/ 10512596 w 10512596"/>
              <a:gd name="connsiteY7" fmla="*/ 5004039 h 5228080"/>
              <a:gd name="connsiteX8" fmla="*/ 10288517 w 10512596"/>
              <a:gd name="connsiteY8" fmla="*/ 5228080 h 5228080"/>
              <a:gd name="connsiteX9" fmla="*/ 8648502 w 10512596"/>
              <a:gd name="connsiteY9" fmla="*/ 5228080 h 5228080"/>
              <a:gd name="connsiteX10" fmla="*/ 8424422 w 10512596"/>
              <a:gd name="connsiteY10" fmla="*/ 5004039 h 5228080"/>
              <a:gd name="connsiteX11" fmla="*/ 8424422 w 10512596"/>
              <a:gd name="connsiteY11" fmla="*/ 4297087 h 5228080"/>
              <a:gd name="connsiteX12" fmla="*/ 8008200 w 10512596"/>
              <a:gd name="connsiteY12" fmla="*/ 4181799 h 5228080"/>
              <a:gd name="connsiteX13" fmla="*/ 7445631 w 10512596"/>
              <a:gd name="connsiteY13" fmla="*/ 5119274 h 5228080"/>
              <a:gd name="connsiteX14" fmla="*/ 7253488 w 10512596"/>
              <a:gd name="connsiteY14" fmla="*/ 5228027 h 5228080"/>
              <a:gd name="connsiteX15" fmla="*/ 203810 w 10512596"/>
              <a:gd name="connsiteY15" fmla="*/ 5228027 h 5228080"/>
              <a:gd name="connsiteX16" fmla="*/ 1162 w 10512596"/>
              <a:gd name="connsiteY16" fmla="*/ 5003986 h 5228080"/>
              <a:gd name="connsiteX17" fmla="*/ 1164 w 10512596"/>
              <a:gd name="connsiteY17" fmla="*/ 3563877 h 5228080"/>
              <a:gd name="connsiteX18" fmla="*/ 67852 w 10512596"/>
              <a:gd name="connsiteY18" fmla="*/ 3362757 h 5228080"/>
              <a:gd name="connsiteX19" fmla="*/ 982563 w 10512596"/>
              <a:gd name="connsiteY19" fmla="*/ 1846918 h 5228080"/>
              <a:gd name="connsiteX20" fmla="*/ 1182310 w 10512596"/>
              <a:gd name="connsiteY20" fmla="*/ 1739904 h 5228080"/>
              <a:gd name="connsiteX0" fmla="*/ 1182310 w 10512596"/>
              <a:gd name="connsiteY0" fmla="*/ 1732798 h 5220974"/>
              <a:gd name="connsiteX1" fmla="*/ 5101326 w 10512596"/>
              <a:gd name="connsiteY1" fmla="*/ 1734811 h 5220974"/>
              <a:gd name="connsiteX2" fmla="*/ 5278053 w 10512596"/>
              <a:gd name="connsiteY2" fmla="*/ 1631323 h 5220974"/>
              <a:gd name="connsiteX3" fmla="*/ 6214142 w 10512596"/>
              <a:gd name="connsiteY3" fmla="*/ 77524 h 5220974"/>
              <a:gd name="connsiteX4" fmla="*/ 6398786 w 10512596"/>
              <a:gd name="connsiteY4" fmla="*/ 100 h 5220974"/>
              <a:gd name="connsiteX5" fmla="*/ 10288517 w 10512596"/>
              <a:gd name="connsiteY5" fmla="*/ 1372 h 5220974"/>
              <a:gd name="connsiteX6" fmla="*/ 10512596 w 10512596"/>
              <a:gd name="connsiteY6" fmla="*/ 225413 h 5220974"/>
              <a:gd name="connsiteX7" fmla="*/ 10512596 w 10512596"/>
              <a:gd name="connsiteY7" fmla="*/ 4996933 h 5220974"/>
              <a:gd name="connsiteX8" fmla="*/ 10288517 w 10512596"/>
              <a:gd name="connsiteY8" fmla="*/ 5220974 h 5220974"/>
              <a:gd name="connsiteX9" fmla="*/ 8648502 w 10512596"/>
              <a:gd name="connsiteY9" fmla="*/ 5220974 h 5220974"/>
              <a:gd name="connsiteX10" fmla="*/ 8424422 w 10512596"/>
              <a:gd name="connsiteY10" fmla="*/ 4996933 h 5220974"/>
              <a:gd name="connsiteX11" fmla="*/ 8424422 w 10512596"/>
              <a:gd name="connsiteY11" fmla="*/ 4289981 h 5220974"/>
              <a:gd name="connsiteX12" fmla="*/ 8008200 w 10512596"/>
              <a:gd name="connsiteY12" fmla="*/ 4174693 h 5220974"/>
              <a:gd name="connsiteX13" fmla="*/ 7445631 w 10512596"/>
              <a:gd name="connsiteY13" fmla="*/ 5112168 h 5220974"/>
              <a:gd name="connsiteX14" fmla="*/ 7253488 w 10512596"/>
              <a:gd name="connsiteY14" fmla="*/ 5220921 h 5220974"/>
              <a:gd name="connsiteX15" fmla="*/ 203810 w 10512596"/>
              <a:gd name="connsiteY15" fmla="*/ 5220921 h 5220974"/>
              <a:gd name="connsiteX16" fmla="*/ 1162 w 10512596"/>
              <a:gd name="connsiteY16" fmla="*/ 4996880 h 5220974"/>
              <a:gd name="connsiteX17" fmla="*/ 1164 w 10512596"/>
              <a:gd name="connsiteY17" fmla="*/ 3556771 h 5220974"/>
              <a:gd name="connsiteX18" fmla="*/ 67852 w 10512596"/>
              <a:gd name="connsiteY18" fmla="*/ 3355651 h 5220974"/>
              <a:gd name="connsiteX19" fmla="*/ 982563 w 10512596"/>
              <a:gd name="connsiteY19" fmla="*/ 1839812 h 5220974"/>
              <a:gd name="connsiteX20" fmla="*/ 1182310 w 10512596"/>
              <a:gd name="connsiteY20" fmla="*/ 1732798 h 5220974"/>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214142 w 10512596"/>
              <a:gd name="connsiteY3" fmla="*/ 76152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4995561 h 5219602"/>
              <a:gd name="connsiteX8" fmla="*/ 10288517 w 10512596"/>
              <a:gd name="connsiteY8" fmla="*/ 5219602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195092 w 10512596"/>
              <a:gd name="connsiteY3" fmla="*/ 107108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4995561 h 5219602"/>
              <a:gd name="connsiteX8" fmla="*/ 10288517 w 10512596"/>
              <a:gd name="connsiteY8" fmla="*/ 5219602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195092 w 10512596"/>
              <a:gd name="connsiteY3" fmla="*/ 107108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4995561 h 5219602"/>
              <a:gd name="connsiteX8" fmla="*/ 10288517 w 10512596"/>
              <a:gd name="connsiteY8" fmla="*/ 5219602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195092 w 10512596"/>
              <a:gd name="connsiteY3" fmla="*/ 107108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4995561 h 5219602"/>
              <a:gd name="connsiteX8" fmla="*/ 10288517 w 10512596"/>
              <a:gd name="connsiteY8" fmla="*/ 5219602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195092 w 10512596"/>
              <a:gd name="connsiteY3" fmla="*/ 107108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3369167 h 5219602"/>
              <a:gd name="connsiteX8" fmla="*/ 10288517 w 10512596"/>
              <a:gd name="connsiteY8" fmla="*/ 5219602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29124"/>
              <a:gd name="connsiteY0" fmla="*/ 1731426 h 5219602"/>
              <a:gd name="connsiteX1" fmla="*/ 5101326 w 10529124"/>
              <a:gd name="connsiteY1" fmla="*/ 1733439 h 5219602"/>
              <a:gd name="connsiteX2" fmla="*/ 5278053 w 10529124"/>
              <a:gd name="connsiteY2" fmla="*/ 1629951 h 5219602"/>
              <a:gd name="connsiteX3" fmla="*/ 6195092 w 10529124"/>
              <a:gd name="connsiteY3" fmla="*/ 107108 h 5219602"/>
              <a:gd name="connsiteX4" fmla="*/ 6389261 w 10529124"/>
              <a:gd name="connsiteY4" fmla="*/ 3490 h 5219602"/>
              <a:gd name="connsiteX5" fmla="*/ 10288517 w 10529124"/>
              <a:gd name="connsiteY5" fmla="*/ 0 h 5219602"/>
              <a:gd name="connsiteX6" fmla="*/ 10512596 w 10529124"/>
              <a:gd name="connsiteY6" fmla="*/ 224041 h 5219602"/>
              <a:gd name="connsiteX7" fmla="*/ 10512596 w 10529124"/>
              <a:gd name="connsiteY7" fmla="*/ 3369167 h 5219602"/>
              <a:gd name="connsiteX8" fmla="*/ 10452823 w 10529124"/>
              <a:gd name="connsiteY8" fmla="*/ 3564633 h 5219602"/>
              <a:gd name="connsiteX9" fmla="*/ 8648502 w 10529124"/>
              <a:gd name="connsiteY9" fmla="*/ 5219602 h 5219602"/>
              <a:gd name="connsiteX10" fmla="*/ 8424422 w 10529124"/>
              <a:gd name="connsiteY10" fmla="*/ 4995561 h 5219602"/>
              <a:gd name="connsiteX11" fmla="*/ 8424422 w 10529124"/>
              <a:gd name="connsiteY11" fmla="*/ 4288609 h 5219602"/>
              <a:gd name="connsiteX12" fmla="*/ 8008200 w 10529124"/>
              <a:gd name="connsiteY12" fmla="*/ 4173321 h 5219602"/>
              <a:gd name="connsiteX13" fmla="*/ 7445631 w 10529124"/>
              <a:gd name="connsiteY13" fmla="*/ 5110796 h 5219602"/>
              <a:gd name="connsiteX14" fmla="*/ 7253488 w 10529124"/>
              <a:gd name="connsiteY14" fmla="*/ 5219549 h 5219602"/>
              <a:gd name="connsiteX15" fmla="*/ 203810 w 10529124"/>
              <a:gd name="connsiteY15" fmla="*/ 5219549 h 5219602"/>
              <a:gd name="connsiteX16" fmla="*/ 1162 w 10529124"/>
              <a:gd name="connsiteY16" fmla="*/ 4995508 h 5219602"/>
              <a:gd name="connsiteX17" fmla="*/ 1164 w 10529124"/>
              <a:gd name="connsiteY17" fmla="*/ 3555399 h 5219602"/>
              <a:gd name="connsiteX18" fmla="*/ 67852 w 10529124"/>
              <a:gd name="connsiteY18" fmla="*/ 3354279 h 5219602"/>
              <a:gd name="connsiteX19" fmla="*/ 982563 w 10529124"/>
              <a:gd name="connsiteY19" fmla="*/ 1838440 h 5219602"/>
              <a:gd name="connsiteX20" fmla="*/ 1182310 w 10529124"/>
              <a:gd name="connsiteY20" fmla="*/ 1731426 h 5219602"/>
              <a:gd name="connsiteX0" fmla="*/ 1182310 w 10512596"/>
              <a:gd name="connsiteY0" fmla="*/ 1731426 h 5219602"/>
              <a:gd name="connsiteX1" fmla="*/ 5101326 w 10512596"/>
              <a:gd name="connsiteY1" fmla="*/ 1733439 h 5219602"/>
              <a:gd name="connsiteX2" fmla="*/ 5278053 w 10512596"/>
              <a:gd name="connsiteY2" fmla="*/ 1629951 h 5219602"/>
              <a:gd name="connsiteX3" fmla="*/ 6195092 w 10512596"/>
              <a:gd name="connsiteY3" fmla="*/ 107108 h 5219602"/>
              <a:gd name="connsiteX4" fmla="*/ 6389261 w 10512596"/>
              <a:gd name="connsiteY4" fmla="*/ 3490 h 5219602"/>
              <a:gd name="connsiteX5" fmla="*/ 10288517 w 10512596"/>
              <a:gd name="connsiteY5" fmla="*/ 0 h 5219602"/>
              <a:gd name="connsiteX6" fmla="*/ 10512596 w 10512596"/>
              <a:gd name="connsiteY6" fmla="*/ 224041 h 5219602"/>
              <a:gd name="connsiteX7" fmla="*/ 10512596 w 10512596"/>
              <a:gd name="connsiteY7" fmla="*/ 3369167 h 5219602"/>
              <a:gd name="connsiteX8" fmla="*/ 10452823 w 10512596"/>
              <a:gd name="connsiteY8" fmla="*/ 3564633 h 5219602"/>
              <a:gd name="connsiteX9" fmla="*/ 8648502 w 10512596"/>
              <a:gd name="connsiteY9" fmla="*/ 5219602 h 5219602"/>
              <a:gd name="connsiteX10" fmla="*/ 8424422 w 10512596"/>
              <a:gd name="connsiteY10" fmla="*/ 4995561 h 5219602"/>
              <a:gd name="connsiteX11" fmla="*/ 8424422 w 10512596"/>
              <a:gd name="connsiteY11" fmla="*/ 4288609 h 5219602"/>
              <a:gd name="connsiteX12" fmla="*/ 8008200 w 10512596"/>
              <a:gd name="connsiteY12" fmla="*/ 4173321 h 5219602"/>
              <a:gd name="connsiteX13" fmla="*/ 7445631 w 10512596"/>
              <a:gd name="connsiteY13" fmla="*/ 5110796 h 5219602"/>
              <a:gd name="connsiteX14" fmla="*/ 7253488 w 10512596"/>
              <a:gd name="connsiteY14" fmla="*/ 5219549 h 5219602"/>
              <a:gd name="connsiteX15" fmla="*/ 203810 w 10512596"/>
              <a:gd name="connsiteY15" fmla="*/ 5219549 h 5219602"/>
              <a:gd name="connsiteX16" fmla="*/ 1162 w 10512596"/>
              <a:gd name="connsiteY16" fmla="*/ 4995508 h 5219602"/>
              <a:gd name="connsiteX17" fmla="*/ 1164 w 10512596"/>
              <a:gd name="connsiteY17" fmla="*/ 3555399 h 5219602"/>
              <a:gd name="connsiteX18" fmla="*/ 67852 w 10512596"/>
              <a:gd name="connsiteY18" fmla="*/ 3354279 h 5219602"/>
              <a:gd name="connsiteX19" fmla="*/ 982563 w 10512596"/>
              <a:gd name="connsiteY19" fmla="*/ 1838440 h 5219602"/>
              <a:gd name="connsiteX20" fmla="*/ 1182310 w 10512596"/>
              <a:gd name="connsiteY20" fmla="*/ 1731426 h 5219602"/>
              <a:gd name="connsiteX0" fmla="*/ 1182310 w 10512596"/>
              <a:gd name="connsiteY0" fmla="*/ 1731426 h 5219549"/>
              <a:gd name="connsiteX1" fmla="*/ 5101326 w 10512596"/>
              <a:gd name="connsiteY1" fmla="*/ 1733439 h 5219549"/>
              <a:gd name="connsiteX2" fmla="*/ 5278053 w 10512596"/>
              <a:gd name="connsiteY2" fmla="*/ 1629951 h 5219549"/>
              <a:gd name="connsiteX3" fmla="*/ 6195092 w 10512596"/>
              <a:gd name="connsiteY3" fmla="*/ 107108 h 5219549"/>
              <a:gd name="connsiteX4" fmla="*/ 6389261 w 10512596"/>
              <a:gd name="connsiteY4" fmla="*/ 3490 h 5219549"/>
              <a:gd name="connsiteX5" fmla="*/ 10288517 w 10512596"/>
              <a:gd name="connsiteY5" fmla="*/ 0 h 5219549"/>
              <a:gd name="connsiteX6" fmla="*/ 10512596 w 10512596"/>
              <a:gd name="connsiteY6" fmla="*/ 224041 h 5219549"/>
              <a:gd name="connsiteX7" fmla="*/ 10512596 w 10512596"/>
              <a:gd name="connsiteY7" fmla="*/ 3369167 h 5219549"/>
              <a:gd name="connsiteX8" fmla="*/ 10452823 w 10512596"/>
              <a:gd name="connsiteY8" fmla="*/ 3564633 h 5219549"/>
              <a:gd name="connsiteX9" fmla="*/ 9541470 w 10512596"/>
              <a:gd name="connsiteY9" fmla="*/ 5088634 h 5219549"/>
              <a:gd name="connsiteX10" fmla="*/ 8424422 w 10512596"/>
              <a:gd name="connsiteY10" fmla="*/ 4995561 h 5219549"/>
              <a:gd name="connsiteX11" fmla="*/ 8424422 w 10512596"/>
              <a:gd name="connsiteY11" fmla="*/ 4288609 h 5219549"/>
              <a:gd name="connsiteX12" fmla="*/ 8008200 w 10512596"/>
              <a:gd name="connsiteY12" fmla="*/ 4173321 h 5219549"/>
              <a:gd name="connsiteX13" fmla="*/ 7445631 w 10512596"/>
              <a:gd name="connsiteY13" fmla="*/ 5110796 h 5219549"/>
              <a:gd name="connsiteX14" fmla="*/ 7253488 w 10512596"/>
              <a:gd name="connsiteY14" fmla="*/ 5219549 h 5219549"/>
              <a:gd name="connsiteX15" fmla="*/ 203810 w 10512596"/>
              <a:gd name="connsiteY15" fmla="*/ 5219549 h 5219549"/>
              <a:gd name="connsiteX16" fmla="*/ 1162 w 10512596"/>
              <a:gd name="connsiteY16" fmla="*/ 4995508 h 5219549"/>
              <a:gd name="connsiteX17" fmla="*/ 1164 w 10512596"/>
              <a:gd name="connsiteY17" fmla="*/ 3555399 h 5219549"/>
              <a:gd name="connsiteX18" fmla="*/ 67852 w 10512596"/>
              <a:gd name="connsiteY18" fmla="*/ 3354279 h 5219549"/>
              <a:gd name="connsiteX19" fmla="*/ 982563 w 10512596"/>
              <a:gd name="connsiteY19" fmla="*/ 1838440 h 5219549"/>
              <a:gd name="connsiteX20" fmla="*/ 1182310 w 10512596"/>
              <a:gd name="connsiteY20" fmla="*/ 1731426 h 5219549"/>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8347 w 10512596"/>
              <a:gd name="connsiteY10" fmla="*/ 5207492 h 5242645"/>
              <a:gd name="connsiteX11" fmla="*/ 8424422 w 10512596"/>
              <a:gd name="connsiteY11" fmla="*/ 4288609 h 5242645"/>
              <a:gd name="connsiteX12" fmla="*/ 8008200 w 10512596"/>
              <a:gd name="connsiteY12" fmla="*/ 4173321 h 5242645"/>
              <a:gd name="connsiteX13" fmla="*/ 7445631 w 10512596"/>
              <a:gd name="connsiteY13" fmla="*/ 5110796 h 5242645"/>
              <a:gd name="connsiteX14" fmla="*/ 7253488 w 10512596"/>
              <a:gd name="connsiteY14" fmla="*/ 5219549 h 5242645"/>
              <a:gd name="connsiteX15" fmla="*/ 203810 w 10512596"/>
              <a:gd name="connsiteY15" fmla="*/ 5219549 h 5242645"/>
              <a:gd name="connsiteX16" fmla="*/ 1162 w 10512596"/>
              <a:gd name="connsiteY16" fmla="*/ 4995508 h 5242645"/>
              <a:gd name="connsiteX17" fmla="*/ 1164 w 10512596"/>
              <a:gd name="connsiteY17" fmla="*/ 3555399 h 5242645"/>
              <a:gd name="connsiteX18" fmla="*/ 67852 w 10512596"/>
              <a:gd name="connsiteY18" fmla="*/ 3354279 h 5242645"/>
              <a:gd name="connsiteX19" fmla="*/ 982563 w 10512596"/>
              <a:gd name="connsiteY19" fmla="*/ 1838440 h 5242645"/>
              <a:gd name="connsiteX20" fmla="*/ 1182310 w 10512596"/>
              <a:gd name="connsiteY20" fmla="*/ 1731426 h 5242645"/>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8347 w 10512596"/>
              <a:gd name="connsiteY10" fmla="*/ 5207492 h 5242645"/>
              <a:gd name="connsiteX11" fmla="*/ 8008200 w 10512596"/>
              <a:gd name="connsiteY11" fmla="*/ 4173321 h 5242645"/>
              <a:gd name="connsiteX12" fmla="*/ 7445631 w 10512596"/>
              <a:gd name="connsiteY12" fmla="*/ 5110796 h 5242645"/>
              <a:gd name="connsiteX13" fmla="*/ 7253488 w 10512596"/>
              <a:gd name="connsiteY13" fmla="*/ 5219549 h 5242645"/>
              <a:gd name="connsiteX14" fmla="*/ 203810 w 10512596"/>
              <a:gd name="connsiteY14" fmla="*/ 5219549 h 5242645"/>
              <a:gd name="connsiteX15" fmla="*/ 1162 w 10512596"/>
              <a:gd name="connsiteY15" fmla="*/ 4995508 h 5242645"/>
              <a:gd name="connsiteX16" fmla="*/ 1164 w 10512596"/>
              <a:gd name="connsiteY16" fmla="*/ 3555399 h 5242645"/>
              <a:gd name="connsiteX17" fmla="*/ 67852 w 10512596"/>
              <a:gd name="connsiteY17" fmla="*/ 3354279 h 5242645"/>
              <a:gd name="connsiteX18" fmla="*/ 982563 w 10512596"/>
              <a:gd name="connsiteY18" fmla="*/ 1838440 h 5242645"/>
              <a:gd name="connsiteX19" fmla="*/ 1182310 w 10512596"/>
              <a:gd name="connsiteY19" fmla="*/ 1731426 h 5242645"/>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8347 w 10512596"/>
              <a:gd name="connsiteY10" fmla="*/ 5207492 h 5242645"/>
              <a:gd name="connsiteX11" fmla="*/ 7445631 w 10512596"/>
              <a:gd name="connsiteY11" fmla="*/ 5110796 h 5242645"/>
              <a:gd name="connsiteX12" fmla="*/ 7253488 w 10512596"/>
              <a:gd name="connsiteY12" fmla="*/ 5219549 h 5242645"/>
              <a:gd name="connsiteX13" fmla="*/ 203810 w 10512596"/>
              <a:gd name="connsiteY13" fmla="*/ 5219549 h 5242645"/>
              <a:gd name="connsiteX14" fmla="*/ 1162 w 10512596"/>
              <a:gd name="connsiteY14" fmla="*/ 4995508 h 5242645"/>
              <a:gd name="connsiteX15" fmla="*/ 1164 w 10512596"/>
              <a:gd name="connsiteY15" fmla="*/ 3555399 h 5242645"/>
              <a:gd name="connsiteX16" fmla="*/ 67852 w 10512596"/>
              <a:gd name="connsiteY16" fmla="*/ 3354279 h 5242645"/>
              <a:gd name="connsiteX17" fmla="*/ 982563 w 10512596"/>
              <a:gd name="connsiteY17" fmla="*/ 1838440 h 5242645"/>
              <a:gd name="connsiteX18" fmla="*/ 1182310 w 10512596"/>
              <a:gd name="connsiteY18" fmla="*/ 1731426 h 5242645"/>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8347 w 10512596"/>
              <a:gd name="connsiteY10" fmla="*/ 5207492 h 5242645"/>
              <a:gd name="connsiteX11" fmla="*/ 7253488 w 10512596"/>
              <a:gd name="connsiteY11" fmla="*/ 5219549 h 5242645"/>
              <a:gd name="connsiteX12" fmla="*/ 203810 w 10512596"/>
              <a:gd name="connsiteY12" fmla="*/ 5219549 h 5242645"/>
              <a:gd name="connsiteX13" fmla="*/ 1162 w 10512596"/>
              <a:gd name="connsiteY13" fmla="*/ 4995508 h 5242645"/>
              <a:gd name="connsiteX14" fmla="*/ 1164 w 10512596"/>
              <a:gd name="connsiteY14" fmla="*/ 3555399 h 5242645"/>
              <a:gd name="connsiteX15" fmla="*/ 67852 w 10512596"/>
              <a:gd name="connsiteY15" fmla="*/ 3354279 h 5242645"/>
              <a:gd name="connsiteX16" fmla="*/ 982563 w 10512596"/>
              <a:gd name="connsiteY16" fmla="*/ 1838440 h 5242645"/>
              <a:gd name="connsiteX17" fmla="*/ 1182310 w 10512596"/>
              <a:gd name="connsiteY17" fmla="*/ 1731426 h 5242645"/>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3584 w 10512596"/>
              <a:gd name="connsiteY10" fmla="*/ 5207492 h 5242645"/>
              <a:gd name="connsiteX11" fmla="*/ 7253488 w 10512596"/>
              <a:gd name="connsiteY11" fmla="*/ 5219549 h 5242645"/>
              <a:gd name="connsiteX12" fmla="*/ 203810 w 10512596"/>
              <a:gd name="connsiteY12" fmla="*/ 5219549 h 5242645"/>
              <a:gd name="connsiteX13" fmla="*/ 1162 w 10512596"/>
              <a:gd name="connsiteY13" fmla="*/ 4995508 h 5242645"/>
              <a:gd name="connsiteX14" fmla="*/ 1164 w 10512596"/>
              <a:gd name="connsiteY14" fmla="*/ 3555399 h 5242645"/>
              <a:gd name="connsiteX15" fmla="*/ 67852 w 10512596"/>
              <a:gd name="connsiteY15" fmla="*/ 3354279 h 5242645"/>
              <a:gd name="connsiteX16" fmla="*/ 982563 w 10512596"/>
              <a:gd name="connsiteY16" fmla="*/ 1838440 h 5242645"/>
              <a:gd name="connsiteX17" fmla="*/ 1182310 w 10512596"/>
              <a:gd name="connsiteY17" fmla="*/ 1731426 h 5242645"/>
              <a:gd name="connsiteX0" fmla="*/ 1182310 w 10512596"/>
              <a:gd name="connsiteY0" fmla="*/ 1731426 h 5242645"/>
              <a:gd name="connsiteX1" fmla="*/ 5101326 w 10512596"/>
              <a:gd name="connsiteY1" fmla="*/ 1733439 h 5242645"/>
              <a:gd name="connsiteX2" fmla="*/ 5278053 w 10512596"/>
              <a:gd name="connsiteY2" fmla="*/ 1629951 h 5242645"/>
              <a:gd name="connsiteX3" fmla="*/ 6195092 w 10512596"/>
              <a:gd name="connsiteY3" fmla="*/ 107108 h 5242645"/>
              <a:gd name="connsiteX4" fmla="*/ 6389261 w 10512596"/>
              <a:gd name="connsiteY4" fmla="*/ 3490 h 5242645"/>
              <a:gd name="connsiteX5" fmla="*/ 10288517 w 10512596"/>
              <a:gd name="connsiteY5" fmla="*/ 0 h 5242645"/>
              <a:gd name="connsiteX6" fmla="*/ 10512596 w 10512596"/>
              <a:gd name="connsiteY6" fmla="*/ 224041 h 5242645"/>
              <a:gd name="connsiteX7" fmla="*/ 10512596 w 10512596"/>
              <a:gd name="connsiteY7" fmla="*/ 3369167 h 5242645"/>
              <a:gd name="connsiteX8" fmla="*/ 10452823 w 10512596"/>
              <a:gd name="connsiteY8" fmla="*/ 3564633 h 5242645"/>
              <a:gd name="connsiteX9" fmla="*/ 9541470 w 10512596"/>
              <a:gd name="connsiteY9" fmla="*/ 5088634 h 5242645"/>
              <a:gd name="connsiteX10" fmla="*/ 9343584 w 10512596"/>
              <a:gd name="connsiteY10" fmla="*/ 5207492 h 5242645"/>
              <a:gd name="connsiteX11" fmla="*/ 203810 w 10512596"/>
              <a:gd name="connsiteY11" fmla="*/ 5219549 h 5242645"/>
              <a:gd name="connsiteX12" fmla="*/ 1162 w 10512596"/>
              <a:gd name="connsiteY12" fmla="*/ 4995508 h 5242645"/>
              <a:gd name="connsiteX13" fmla="*/ 1164 w 10512596"/>
              <a:gd name="connsiteY13" fmla="*/ 3555399 h 5242645"/>
              <a:gd name="connsiteX14" fmla="*/ 67852 w 10512596"/>
              <a:gd name="connsiteY14" fmla="*/ 3354279 h 5242645"/>
              <a:gd name="connsiteX15" fmla="*/ 982563 w 10512596"/>
              <a:gd name="connsiteY15" fmla="*/ 1838440 h 5242645"/>
              <a:gd name="connsiteX16" fmla="*/ 1182310 w 10512596"/>
              <a:gd name="connsiteY16" fmla="*/ 1731426 h 5242645"/>
              <a:gd name="connsiteX0" fmla="*/ 1182310 w 10512596"/>
              <a:gd name="connsiteY0" fmla="*/ 1731426 h 5249040"/>
              <a:gd name="connsiteX1" fmla="*/ 5101326 w 10512596"/>
              <a:gd name="connsiteY1" fmla="*/ 1733439 h 5249040"/>
              <a:gd name="connsiteX2" fmla="*/ 5278053 w 10512596"/>
              <a:gd name="connsiteY2" fmla="*/ 1629951 h 5249040"/>
              <a:gd name="connsiteX3" fmla="*/ 6195092 w 10512596"/>
              <a:gd name="connsiteY3" fmla="*/ 107108 h 5249040"/>
              <a:gd name="connsiteX4" fmla="*/ 6389261 w 10512596"/>
              <a:gd name="connsiteY4" fmla="*/ 3490 h 5249040"/>
              <a:gd name="connsiteX5" fmla="*/ 10288517 w 10512596"/>
              <a:gd name="connsiteY5" fmla="*/ 0 h 5249040"/>
              <a:gd name="connsiteX6" fmla="*/ 10512596 w 10512596"/>
              <a:gd name="connsiteY6" fmla="*/ 224041 h 5249040"/>
              <a:gd name="connsiteX7" fmla="*/ 10512596 w 10512596"/>
              <a:gd name="connsiteY7" fmla="*/ 3369167 h 5249040"/>
              <a:gd name="connsiteX8" fmla="*/ 10452823 w 10512596"/>
              <a:gd name="connsiteY8" fmla="*/ 3564633 h 5249040"/>
              <a:gd name="connsiteX9" fmla="*/ 9541470 w 10512596"/>
              <a:gd name="connsiteY9" fmla="*/ 5088634 h 5249040"/>
              <a:gd name="connsiteX10" fmla="*/ 9338822 w 10512596"/>
              <a:gd name="connsiteY10" fmla="*/ 5214635 h 5249040"/>
              <a:gd name="connsiteX11" fmla="*/ 203810 w 10512596"/>
              <a:gd name="connsiteY11" fmla="*/ 5219549 h 5249040"/>
              <a:gd name="connsiteX12" fmla="*/ 1162 w 10512596"/>
              <a:gd name="connsiteY12" fmla="*/ 4995508 h 5249040"/>
              <a:gd name="connsiteX13" fmla="*/ 1164 w 10512596"/>
              <a:gd name="connsiteY13" fmla="*/ 3555399 h 5249040"/>
              <a:gd name="connsiteX14" fmla="*/ 67852 w 10512596"/>
              <a:gd name="connsiteY14" fmla="*/ 3354279 h 5249040"/>
              <a:gd name="connsiteX15" fmla="*/ 982563 w 10512596"/>
              <a:gd name="connsiteY15" fmla="*/ 1838440 h 5249040"/>
              <a:gd name="connsiteX16" fmla="*/ 1182310 w 10512596"/>
              <a:gd name="connsiteY16" fmla="*/ 1731426 h 5249040"/>
              <a:gd name="connsiteX0" fmla="*/ 1182310 w 10512596"/>
              <a:gd name="connsiteY0" fmla="*/ 1731426 h 5249040"/>
              <a:gd name="connsiteX1" fmla="*/ 5101326 w 10512596"/>
              <a:gd name="connsiteY1" fmla="*/ 1733439 h 5249040"/>
              <a:gd name="connsiteX2" fmla="*/ 5278053 w 10512596"/>
              <a:gd name="connsiteY2" fmla="*/ 1629951 h 5249040"/>
              <a:gd name="connsiteX3" fmla="*/ 6195092 w 10512596"/>
              <a:gd name="connsiteY3" fmla="*/ 107108 h 5249040"/>
              <a:gd name="connsiteX4" fmla="*/ 6389261 w 10512596"/>
              <a:gd name="connsiteY4" fmla="*/ 3490 h 5249040"/>
              <a:gd name="connsiteX5" fmla="*/ 10288517 w 10512596"/>
              <a:gd name="connsiteY5" fmla="*/ 0 h 5249040"/>
              <a:gd name="connsiteX6" fmla="*/ 10512596 w 10512596"/>
              <a:gd name="connsiteY6" fmla="*/ 224041 h 5249040"/>
              <a:gd name="connsiteX7" fmla="*/ 10512596 w 10512596"/>
              <a:gd name="connsiteY7" fmla="*/ 3369167 h 5249040"/>
              <a:gd name="connsiteX8" fmla="*/ 10452823 w 10512596"/>
              <a:gd name="connsiteY8" fmla="*/ 3564633 h 5249040"/>
              <a:gd name="connsiteX9" fmla="*/ 9541470 w 10512596"/>
              <a:gd name="connsiteY9" fmla="*/ 5088634 h 5249040"/>
              <a:gd name="connsiteX10" fmla="*/ 9329297 w 10512596"/>
              <a:gd name="connsiteY10" fmla="*/ 5214635 h 5249040"/>
              <a:gd name="connsiteX11" fmla="*/ 203810 w 10512596"/>
              <a:gd name="connsiteY11" fmla="*/ 5219549 h 5249040"/>
              <a:gd name="connsiteX12" fmla="*/ 1162 w 10512596"/>
              <a:gd name="connsiteY12" fmla="*/ 4995508 h 5249040"/>
              <a:gd name="connsiteX13" fmla="*/ 1164 w 10512596"/>
              <a:gd name="connsiteY13" fmla="*/ 3555399 h 5249040"/>
              <a:gd name="connsiteX14" fmla="*/ 67852 w 10512596"/>
              <a:gd name="connsiteY14" fmla="*/ 3354279 h 5249040"/>
              <a:gd name="connsiteX15" fmla="*/ 982563 w 10512596"/>
              <a:gd name="connsiteY15" fmla="*/ 1838440 h 5249040"/>
              <a:gd name="connsiteX16" fmla="*/ 1182310 w 10512596"/>
              <a:gd name="connsiteY16" fmla="*/ 1731426 h 5249040"/>
              <a:gd name="connsiteX0" fmla="*/ 1182310 w 10512596"/>
              <a:gd name="connsiteY0" fmla="*/ 1731426 h 5255466"/>
              <a:gd name="connsiteX1" fmla="*/ 5101326 w 10512596"/>
              <a:gd name="connsiteY1" fmla="*/ 1733439 h 5255466"/>
              <a:gd name="connsiteX2" fmla="*/ 5278053 w 10512596"/>
              <a:gd name="connsiteY2" fmla="*/ 1629951 h 5255466"/>
              <a:gd name="connsiteX3" fmla="*/ 6195092 w 10512596"/>
              <a:gd name="connsiteY3" fmla="*/ 107108 h 5255466"/>
              <a:gd name="connsiteX4" fmla="*/ 6389261 w 10512596"/>
              <a:gd name="connsiteY4" fmla="*/ 3490 h 5255466"/>
              <a:gd name="connsiteX5" fmla="*/ 10288517 w 10512596"/>
              <a:gd name="connsiteY5" fmla="*/ 0 h 5255466"/>
              <a:gd name="connsiteX6" fmla="*/ 10512596 w 10512596"/>
              <a:gd name="connsiteY6" fmla="*/ 224041 h 5255466"/>
              <a:gd name="connsiteX7" fmla="*/ 10512596 w 10512596"/>
              <a:gd name="connsiteY7" fmla="*/ 3369167 h 5255466"/>
              <a:gd name="connsiteX8" fmla="*/ 10452823 w 10512596"/>
              <a:gd name="connsiteY8" fmla="*/ 3564633 h 5255466"/>
              <a:gd name="connsiteX9" fmla="*/ 9541470 w 10512596"/>
              <a:gd name="connsiteY9" fmla="*/ 5088634 h 5255466"/>
              <a:gd name="connsiteX10" fmla="*/ 9334059 w 10512596"/>
              <a:gd name="connsiteY10" fmla="*/ 5221779 h 5255466"/>
              <a:gd name="connsiteX11" fmla="*/ 203810 w 10512596"/>
              <a:gd name="connsiteY11" fmla="*/ 5219549 h 5255466"/>
              <a:gd name="connsiteX12" fmla="*/ 1162 w 10512596"/>
              <a:gd name="connsiteY12" fmla="*/ 4995508 h 5255466"/>
              <a:gd name="connsiteX13" fmla="*/ 1164 w 10512596"/>
              <a:gd name="connsiteY13" fmla="*/ 3555399 h 5255466"/>
              <a:gd name="connsiteX14" fmla="*/ 67852 w 10512596"/>
              <a:gd name="connsiteY14" fmla="*/ 3354279 h 5255466"/>
              <a:gd name="connsiteX15" fmla="*/ 982563 w 10512596"/>
              <a:gd name="connsiteY15" fmla="*/ 1838440 h 5255466"/>
              <a:gd name="connsiteX16" fmla="*/ 1182310 w 10512596"/>
              <a:gd name="connsiteY16" fmla="*/ 1731426 h 5255466"/>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52823 w 10512596"/>
              <a:gd name="connsiteY8" fmla="*/ 3564633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52823 w 10512596"/>
              <a:gd name="connsiteY8" fmla="*/ 3564633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52823 w 10512596"/>
              <a:gd name="connsiteY8" fmla="*/ 3564633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52823 w 10512596"/>
              <a:gd name="connsiteY8" fmla="*/ 3564633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3311"/>
              <a:gd name="connsiteY0" fmla="*/ 1731426 h 5221779"/>
              <a:gd name="connsiteX1" fmla="*/ 5101326 w 10513311"/>
              <a:gd name="connsiteY1" fmla="*/ 1733439 h 5221779"/>
              <a:gd name="connsiteX2" fmla="*/ 5278053 w 10513311"/>
              <a:gd name="connsiteY2" fmla="*/ 1629951 h 5221779"/>
              <a:gd name="connsiteX3" fmla="*/ 6195092 w 10513311"/>
              <a:gd name="connsiteY3" fmla="*/ 107108 h 5221779"/>
              <a:gd name="connsiteX4" fmla="*/ 6389261 w 10513311"/>
              <a:gd name="connsiteY4" fmla="*/ 3490 h 5221779"/>
              <a:gd name="connsiteX5" fmla="*/ 10288517 w 10513311"/>
              <a:gd name="connsiteY5" fmla="*/ 0 h 5221779"/>
              <a:gd name="connsiteX6" fmla="*/ 10512596 w 10513311"/>
              <a:gd name="connsiteY6" fmla="*/ 224041 h 5221779"/>
              <a:gd name="connsiteX7" fmla="*/ 10512596 w 10513311"/>
              <a:gd name="connsiteY7" fmla="*/ 3369167 h 5221779"/>
              <a:gd name="connsiteX8" fmla="*/ 10474254 w 10513311"/>
              <a:gd name="connsiteY8" fmla="*/ 3524152 h 5221779"/>
              <a:gd name="connsiteX9" fmla="*/ 9541470 w 10513311"/>
              <a:gd name="connsiteY9" fmla="*/ 5088634 h 5221779"/>
              <a:gd name="connsiteX10" fmla="*/ 9334059 w 10513311"/>
              <a:gd name="connsiteY10" fmla="*/ 5221779 h 5221779"/>
              <a:gd name="connsiteX11" fmla="*/ 203810 w 10513311"/>
              <a:gd name="connsiteY11" fmla="*/ 5219549 h 5221779"/>
              <a:gd name="connsiteX12" fmla="*/ 1162 w 10513311"/>
              <a:gd name="connsiteY12" fmla="*/ 4995508 h 5221779"/>
              <a:gd name="connsiteX13" fmla="*/ 1164 w 10513311"/>
              <a:gd name="connsiteY13" fmla="*/ 3555399 h 5221779"/>
              <a:gd name="connsiteX14" fmla="*/ 67852 w 10513311"/>
              <a:gd name="connsiteY14" fmla="*/ 3354279 h 5221779"/>
              <a:gd name="connsiteX15" fmla="*/ 982563 w 10513311"/>
              <a:gd name="connsiteY15" fmla="*/ 1838440 h 5221779"/>
              <a:gd name="connsiteX16" fmla="*/ 1182310 w 10513311"/>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74254 w 10512596"/>
              <a:gd name="connsiteY8" fmla="*/ 3524152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74254 w 10512596"/>
              <a:gd name="connsiteY8" fmla="*/ 3524152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74254 w 10512596"/>
              <a:gd name="connsiteY8" fmla="*/ 3524152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74254 w 10512596"/>
              <a:gd name="connsiteY8" fmla="*/ 3524152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 name="connsiteX0" fmla="*/ 1182310 w 10512596"/>
              <a:gd name="connsiteY0" fmla="*/ 1731426 h 5221779"/>
              <a:gd name="connsiteX1" fmla="*/ 5101326 w 10512596"/>
              <a:gd name="connsiteY1" fmla="*/ 1733439 h 5221779"/>
              <a:gd name="connsiteX2" fmla="*/ 5278053 w 10512596"/>
              <a:gd name="connsiteY2" fmla="*/ 1629951 h 5221779"/>
              <a:gd name="connsiteX3" fmla="*/ 6195092 w 10512596"/>
              <a:gd name="connsiteY3" fmla="*/ 107108 h 5221779"/>
              <a:gd name="connsiteX4" fmla="*/ 6389261 w 10512596"/>
              <a:gd name="connsiteY4" fmla="*/ 3490 h 5221779"/>
              <a:gd name="connsiteX5" fmla="*/ 10288517 w 10512596"/>
              <a:gd name="connsiteY5" fmla="*/ 0 h 5221779"/>
              <a:gd name="connsiteX6" fmla="*/ 10512596 w 10512596"/>
              <a:gd name="connsiteY6" fmla="*/ 224041 h 5221779"/>
              <a:gd name="connsiteX7" fmla="*/ 10512596 w 10512596"/>
              <a:gd name="connsiteY7" fmla="*/ 3369167 h 5221779"/>
              <a:gd name="connsiteX8" fmla="*/ 10474254 w 10512596"/>
              <a:gd name="connsiteY8" fmla="*/ 3524152 h 5221779"/>
              <a:gd name="connsiteX9" fmla="*/ 9541470 w 10512596"/>
              <a:gd name="connsiteY9" fmla="*/ 5088634 h 5221779"/>
              <a:gd name="connsiteX10" fmla="*/ 9334059 w 10512596"/>
              <a:gd name="connsiteY10" fmla="*/ 5221779 h 5221779"/>
              <a:gd name="connsiteX11" fmla="*/ 203810 w 10512596"/>
              <a:gd name="connsiteY11" fmla="*/ 5219549 h 5221779"/>
              <a:gd name="connsiteX12" fmla="*/ 1162 w 10512596"/>
              <a:gd name="connsiteY12" fmla="*/ 4995508 h 5221779"/>
              <a:gd name="connsiteX13" fmla="*/ 1164 w 10512596"/>
              <a:gd name="connsiteY13" fmla="*/ 3555399 h 5221779"/>
              <a:gd name="connsiteX14" fmla="*/ 67852 w 10512596"/>
              <a:gd name="connsiteY14" fmla="*/ 3354279 h 5221779"/>
              <a:gd name="connsiteX15" fmla="*/ 982563 w 10512596"/>
              <a:gd name="connsiteY15" fmla="*/ 1838440 h 5221779"/>
              <a:gd name="connsiteX16" fmla="*/ 1182310 w 10512596"/>
              <a:gd name="connsiteY16" fmla="*/ 1731426 h 52217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512596" h="5221779">
                <a:moveTo>
                  <a:pt x="1182310" y="1731426"/>
                </a:moveTo>
                <a:lnTo>
                  <a:pt x="5101326" y="1733439"/>
                </a:lnTo>
                <a:cubicBezTo>
                  <a:pt x="5187759" y="1731379"/>
                  <a:pt x="5236735" y="1693215"/>
                  <a:pt x="5278053" y="1629951"/>
                </a:cubicBezTo>
                <a:lnTo>
                  <a:pt x="6195092" y="107108"/>
                </a:lnTo>
                <a:cubicBezTo>
                  <a:pt x="6241559" y="32087"/>
                  <a:pt x="6288024" y="4692"/>
                  <a:pt x="6389261" y="3490"/>
                </a:cubicBezTo>
                <a:lnTo>
                  <a:pt x="10288517" y="0"/>
                </a:lnTo>
                <a:cubicBezTo>
                  <a:pt x="10412256" y="0"/>
                  <a:pt x="10512596" y="100323"/>
                  <a:pt x="10512596" y="224041"/>
                </a:cubicBezTo>
                <a:lnTo>
                  <a:pt x="10512596" y="3369167"/>
                </a:lnTo>
                <a:cubicBezTo>
                  <a:pt x="10512596" y="3440497"/>
                  <a:pt x="10500363" y="3471764"/>
                  <a:pt x="10474254" y="3524152"/>
                </a:cubicBezTo>
                <a:lnTo>
                  <a:pt x="9541470" y="5088634"/>
                </a:lnTo>
                <a:cubicBezTo>
                  <a:pt x="9484406" y="5174359"/>
                  <a:pt x="9438834" y="5221672"/>
                  <a:pt x="9334059" y="5221779"/>
                </a:cubicBezTo>
                <a:lnTo>
                  <a:pt x="203810" y="5219549"/>
                </a:lnTo>
                <a:cubicBezTo>
                  <a:pt x="87215" y="5214786"/>
                  <a:pt x="2474" y="5126579"/>
                  <a:pt x="1162" y="4995508"/>
                </a:cubicBezTo>
                <a:cubicBezTo>
                  <a:pt x="726" y="4489153"/>
                  <a:pt x="-1220" y="4036106"/>
                  <a:pt x="1164" y="3555399"/>
                </a:cubicBezTo>
                <a:cubicBezTo>
                  <a:pt x="1166" y="3458074"/>
                  <a:pt x="17933" y="3437527"/>
                  <a:pt x="67852" y="3354279"/>
                </a:cubicBezTo>
                <a:lnTo>
                  <a:pt x="982563" y="1838440"/>
                </a:lnTo>
                <a:cubicBezTo>
                  <a:pt x="1029400" y="1761036"/>
                  <a:pt x="1085889" y="1728850"/>
                  <a:pt x="1182310" y="1731426"/>
                </a:cubicBezTo>
                <a:close/>
              </a:path>
            </a:pathLst>
          </a:custGeom>
        </p:spPr>
        <p:txBody>
          <a:bodyPr wrap="square" anchor="ctr">
            <a:noAutofit/>
          </a:bodyPr>
          <a:lstStyle>
            <a:lvl1pPr marL="0" indent="0" algn="ctr">
              <a:buNone/>
              <a:defRPr>
                <a:solidFill>
                  <a:schemeClr val="tx1"/>
                </a:solidFill>
              </a:defRPr>
            </a:lvl1pPr>
          </a:lstStyle>
          <a:p>
            <a:r>
              <a:rPr lang="nb-NO" dirty="0"/>
              <a:t>Klikk på ikonet for å legge til et bilde</a:t>
            </a:r>
          </a:p>
          <a:p>
            <a:endParaRPr lang="nb-NO" dirty="0"/>
          </a:p>
          <a:p>
            <a:endParaRPr lang="nb-NO" dirty="0"/>
          </a:p>
        </p:txBody>
      </p:sp>
      <p:pic>
        <p:nvPicPr>
          <p:cNvPr id="41" name="Bilde 40">
            <a:extLst>
              <a:ext uri="{FF2B5EF4-FFF2-40B4-BE49-F238E27FC236}">
                <a16:creationId xmlns:a16="http://schemas.microsoft.com/office/drawing/2014/main" id="{59A61231-5D90-F084-BD09-FB9296AC37C8}"/>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2" name="Bilde 1">
            <a:extLst>
              <a:ext uri="{FF2B5EF4-FFF2-40B4-BE49-F238E27FC236}">
                <a16:creationId xmlns:a16="http://schemas.microsoft.com/office/drawing/2014/main" id="{66610516-372A-CA83-1108-F35E2EB4F34E}"/>
              </a:ext>
            </a:extLst>
          </p:cNvPr>
          <p:cNvPicPr>
            <a:picLocks noChangeAspect="1"/>
          </p:cNvPicPr>
          <p:nvPr userDrawn="1"/>
        </p:nvPicPr>
        <p:blipFill>
          <a:blip r:embed="rId3"/>
          <a:srcRect/>
          <a:stretch/>
        </p:blipFill>
        <p:spPr>
          <a:xfrm>
            <a:off x="1020649" y="985723"/>
            <a:ext cx="5058045" cy="1675899"/>
          </a:xfrm>
          <a:prstGeom prst="rect">
            <a:avLst/>
          </a:prstGeom>
        </p:spPr>
      </p:pic>
      <p:pic>
        <p:nvPicPr>
          <p:cNvPr id="3" name="Bilde 2">
            <a:extLst>
              <a:ext uri="{FF2B5EF4-FFF2-40B4-BE49-F238E27FC236}">
                <a16:creationId xmlns:a16="http://schemas.microsoft.com/office/drawing/2014/main" id="{92F8E0BA-A53A-39A4-08C6-A3D8916DC370}"/>
              </a:ext>
            </a:extLst>
          </p:cNvPr>
          <p:cNvPicPr>
            <a:picLocks noChangeAspect="1"/>
          </p:cNvPicPr>
          <p:nvPr userDrawn="1"/>
        </p:nvPicPr>
        <p:blipFill>
          <a:blip r:embed="rId4"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471412241"/>
      </p:ext>
    </p:extLst>
  </p:cSld>
  <p:clrMapOvr>
    <a:overrideClrMapping bg1="lt1" tx1="dk1" bg2="lt2" tx2="dk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Forside 3">
    <p:spTree>
      <p:nvGrpSpPr>
        <p:cNvPr id="1" name=""/>
        <p:cNvGrpSpPr/>
        <p:nvPr/>
      </p:nvGrpSpPr>
      <p:grpSpPr>
        <a:xfrm>
          <a:off x="0" y="0"/>
          <a:ext cx="0" cy="0"/>
          <a:chOff x="0" y="0"/>
          <a:chExt cx="0" cy="0"/>
        </a:xfrm>
      </p:grpSpPr>
      <p:sp>
        <p:nvSpPr>
          <p:cNvPr id="6" name="Plassholder for bilde 5">
            <a:extLst>
              <a:ext uri="{FF2B5EF4-FFF2-40B4-BE49-F238E27FC236}">
                <a16:creationId xmlns:a16="http://schemas.microsoft.com/office/drawing/2014/main" id="{8F3FE7BC-CCDA-25E1-31CE-556CF7587174}"/>
              </a:ext>
            </a:extLst>
          </p:cNvPr>
          <p:cNvSpPr>
            <a:spLocks noGrp="1"/>
          </p:cNvSpPr>
          <p:nvPr>
            <p:ph type="pic" sz="quarter" idx="10" hasCustomPrompt="1"/>
          </p:nvPr>
        </p:nvSpPr>
        <p:spPr>
          <a:xfrm>
            <a:off x="838199" y="818284"/>
            <a:ext cx="10511434" cy="5219602"/>
          </a:xfrm>
          <a:custGeom>
            <a:avLst/>
            <a:gdLst>
              <a:gd name="connsiteX0" fmla="*/ 1170935 w 10511434"/>
              <a:gd name="connsiteY0" fmla="*/ 0 h 5219602"/>
              <a:gd name="connsiteX1" fmla="*/ 10287355 w 10511434"/>
              <a:gd name="connsiteY1" fmla="*/ 0 h 5219602"/>
              <a:gd name="connsiteX2" fmla="*/ 10511434 w 10511434"/>
              <a:gd name="connsiteY2" fmla="*/ 224041 h 5219602"/>
              <a:gd name="connsiteX3" fmla="*/ 10511434 w 10511434"/>
              <a:gd name="connsiteY3" fmla="*/ 4995561 h 5219602"/>
              <a:gd name="connsiteX4" fmla="*/ 10287355 w 10511434"/>
              <a:gd name="connsiteY4" fmla="*/ 5219602 h 5219602"/>
              <a:gd name="connsiteX5" fmla="*/ 8647340 w 10511434"/>
              <a:gd name="connsiteY5" fmla="*/ 5219602 h 5219602"/>
              <a:gd name="connsiteX6" fmla="*/ 8423260 w 10511434"/>
              <a:gd name="connsiteY6" fmla="*/ 4995561 h 5219602"/>
              <a:gd name="connsiteX7" fmla="*/ 8423260 w 10511434"/>
              <a:gd name="connsiteY7" fmla="*/ 4288609 h 5219602"/>
              <a:gd name="connsiteX8" fmla="*/ 8007038 w 10511434"/>
              <a:gd name="connsiteY8" fmla="*/ 4173321 h 5219602"/>
              <a:gd name="connsiteX9" fmla="*/ 7444469 w 10511434"/>
              <a:gd name="connsiteY9" fmla="*/ 5110796 h 5219602"/>
              <a:gd name="connsiteX10" fmla="*/ 7252326 w 10511434"/>
              <a:gd name="connsiteY10" fmla="*/ 5219549 h 5219602"/>
              <a:gd name="connsiteX11" fmla="*/ 224079 w 10511434"/>
              <a:gd name="connsiteY11" fmla="*/ 5219549 h 5219602"/>
              <a:gd name="connsiteX12" fmla="*/ 0 w 10511434"/>
              <a:gd name="connsiteY12" fmla="*/ 4995508 h 5219602"/>
              <a:gd name="connsiteX13" fmla="*/ 0 w 10511434"/>
              <a:gd name="connsiteY13" fmla="*/ 1801920 h 5219602"/>
              <a:gd name="connsiteX14" fmla="*/ 31936 w 10511434"/>
              <a:gd name="connsiteY14" fmla="*/ 1686632 h 5219602"/>
              <a:gd name="connsiteX15" fmla="*/ 978792 w 10511434"/>
              <a:gd name="connsiteY15" fmla="*/ 108754 h 5219602"/>
              <a:gd name="connsiteX16" fmla="*/ 1170935 w 10511434"/>
              <a:gd name="connsiteY16" fmla="*/ 0 h 5219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511434" h="5219602">
                <a:moveTo>
                  <a:pt x="1170935" y="0"/>
                </a:moveTo>
                <a:lnTo>
                  <a:pt x="10287355" y="0"/>
                </a:lnTo>
                <a:cubicBezTo>
                  <a:pt x="10411094" y="0"/>
                  <a:pt x="10511434" y="100323"/>
                  <a:pt x="10511434" y="224041"/>
                </a:cubicBezTo>
                <a:lnTo>
                  <a:pt x="10511434" y="4995561"/>
                </a:lnTo>
                <a:cubicBezTo>
                  <a:pt x="10511434" y="5119279"/>
                  <a:pt x="10411094" y="5219602"/>
                  <a:pt x="10287355" y="5219602"/>
                </a:cubicBezTo>
                <a:lnTo>
                  <a:pt x="8647340" y="5219602"/>
                </a:lnTo>
                <a:cubicBezTo>
                  <a:pt x="8523601" y="5219602"/>
                  <a:pt x="8423260" y="5119279"/>
                  <a:pt x="8423260" y="4995561"/>
                </a:cubicBezTo>
                <a:lnTo>
                  <a:pt x="8423260" y="4288609"/>
                </a:lnTo>
                <a:cubicBezTo>
                  <a:pt x="8423260" y="4061353"/>
                  <a:pt x="8123979" y="3978471"/>
                  <a:pt x="8007038" y="4173321"/>
                </a:cubicBezTo>
                <a:lnTo>
                  <a:pt x="7444469" y="5110796"/>
                </a:lnTo>
                <a:cubicBezTo>
                  <a:pt x="7403995" y="5178240"/>
                  <a:pt x="7331059" y="5219549"/>
                  <a:pt x="7252326" y="5219549"/>
                </a:cubicBezTo>
                <a:lnTo>
                  <a:pt x="224079" y="5219549"/>
                </a:lnTo>
                <a:cubicBezTo>
                  <a:pt x="100340" y="5219549"/>
                  <a:pt x="0" y="5119226"/>
                  <a:pt x="0" y="4995508"/>
                </a:cubicBezTo>
                <a:lnTo>
                  <a:pt x="0" y="1801920"/>
                </a:lnTo>
                <a:cubicBezTo>
                  <a:pt x="0" y="1761295"/>
                  <a:pt x="11067" y="1721461"/>
                  <a:pt x="31936" y="1686632"/>
                </a:cubicBezTo>
                <a:lnTo>
                  <a:pt x="978792" y="108754"/>
                </a:lnTo>
                <a:cubicBezTo>
                  <a:pt x="1019265" y="41310"/>
                  <a:pt x="1092202" y="0"/>
                  <a:pt x="1170935" y="0"/>
                </a:cubicBezTo>
                <a:close/>
              </a:path>
            </a:pathLst>
          </a:custGeom>
        </p:spPr>
        <p:txBody>
          <a:bodyPr wrap="square" anchor="ctr">
            <a:noAutofit/>
          </a:bodyPr>
          <a:lstStyle>
            <a:lvl1pPr marL="0" indent="0" algn="ctr">
              <a:buNone/>
              <a:defRPr/>
            </a:lvl1pPr>
          </a:lstStyle>
          <a:p>
            <a:r>
              <a:rPr lang="nb-NO" dirty="0"/>
              <a:t>Klikk på ikonet for å legge til et bilde</a:t>
            </a:r>
          </a:p>
          <a:p>
            <a:endParaRPr lang="nb-NO" dirty="0"/>
          </a:p>
          <a:p>
            <a:endParaRPr lang="nb-NO" dirty="0"/>
          </a:p>
        </p:txBody>
      </p:sp>
      <p:pic>
        <p:nvPicPr>
          <p:cNvPr id="8" name="Bilde 7">
            <a:extLst>
              <a:ext uri="{FF2B5EF4-FFF2-40B4-BE49-F238E27FC236}">
                <a16:creationId xmlns:a16="http://schemas.microsoft.com/office/drawing/2014/main" id="{549FC9F5-99DD-1F7B-8314-12867514399A}"/>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pic>
        <p:nvPicPr>
          <p:cNvPr id="41" name="Bilde 40">
            <a:extLst>
              <a:ext uri="{FF2B5EF4-FFF2-40B4-BE49-F238E27FC236}">
                <a16:creationId xmlns:a16="http://schemas.microsoft.com/office/drawing/2014/main" id="{59A61231-5D90-F084-BD09-FB9296AC37C8}"/>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9" name="Tittel 1">
            <a:extLst>
              <a:ext uri="{FF2B5EF4-FFF2-40B4-BE49-F238E27FC236}">
                <a16:creationId xmlns:a16="http://schemas.microsoft.com/office/drawing/2014/main" id="{67115B24-C328-3F2B-480E-ACB8FE03C0BD}"/>
              </a:ext>
            </a:extLst>
          </p:cNvPr>
          <p:cNvSpPr>
            <a:spLocks noGrp="1"/>
          </p:cNvSpPr>
          <p:nvPr>
            <p:ph type="ctrTitle" hasCustomPrompt="1"/>
          </p:nvPr>
        </p:nvSpPr>
        <p:spPr>
          <a:xfrm>
            <a:off x="1233983" y="4067034"/>
            <a:ext cx="9625264" cy="1693501"/>
          </a:xfrm>
        </p:spPr>
        <p:txBody>
          <a:bodyPr anchor="b">
            <a:noAutofit/>
          </a:bodyPr>
          <a:lstStyle>
            <a:lvl1pPr algn="l">
              <a:defRPr sz="5400">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3189715437"/>
      </p:ext>
    </p:extLst>
  </p:cSld>
  <p:clrMapOvr>
    <a:overrideClrMapping bg1="lt1" tx1="dk1" bg2="lt2" tx2="dk2" accent1="accent1" accent2="accent2" accent3="accent3" accent4="accent4" accent5="accent5" accent6="accent6" hlink="hlink" folHlink="folHlink"/>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Forside 2">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A51597EE-9C80-BED4-B972-F77187939CB5}"/>
              </a:ext>
            </a:extLst>
          </p:cNvPr>
          <p:cNvSpPr>
            <a:spLocks noGrp="1"/>
          </p:cNvSpPr>
          <p:nvPr>
            <p:ph type="ctrTitle" hasCustomPrompt="1"/>
          </p:nvPr>
        </p:nvSpPr>
        <p:spPr>
          <a:xfrm>
            <a:off x="838199" y="1501160"/>
            <a:ext cx="4971402" cy="3505737"/>
          </a:xfrm>
        </p:spPr>
        <p:txBody>
          <a:bodyPr anchor="b">
            <a:noAutofit/>
          </a:bodyPr>
          <a:lstStyle>
            <a:lvl1pPr algn="l">
              <a:defRPr sz="5400">
                <a:solidFill>
                  <a:schemeClr val="tx1"/>
                </a:solidFill>
                <a:latin typeface="Aptos" panose="020B0004020202020204" pitchFamily="34" charset="0"/>
              </a:defRPr>
            </a:lvl1pPr>
          </a:lstStyle>
          <a:p>
            <a:r>
              <a:rPr lang="nb-NO" dirty="0"/>
              <a:t>Klikk for å redigere tittel</a:t>
            </a:r>
          </a:p>
        </p:txBody>
      </p:sp>
      <p:sp>
        <p:nvSpPr>
          <p:cNvPr id="3" name="Undertittel 2">
            <a:extLst>
              <a:ext uri="{FF2B5EF4-FFF2-40B4-BE49-F238E27FC236}">
                <a16:creationId xmlns:a16="http://schemas.microsoft.com/office/drawing/2014/main" id="{6C16562C-6679-120E-9543-2FB6648D17D1}"/>
              </a:ext>
            </a:extLst>
          </p:cNvPr>
          <p:cNvSpPr>
            <a:spLocks noGrp="1"/>
          </p:cNvSpPr>
          <p:nvPr>
            <p:ph type="subTitle" idx="1" hasCustomPrompt="1"/>
          </p:nvPr>
        </p:nvSpPr>
        <p:spPr>
          <a:xfrm>
            <a:off x="838199" y="5120639"/>
            <a:ext cx="4971402" cy="919301"/>
          </a:xfrm>
        </p:spPr>
        <p:txBody>
          <a:bodyPr>
            <a:noAutofit/>
          </a:bodyPr>
          <a:lstStyle>
            <a:lvl1pPr marL="0" indent="0" algn="l">
              <a:buNone/>
              <a:defRPr sz="2000">
                <a:solidFill>
                  <a:schemeClr val="tx1"/>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her for å redigere undertittel</a:t>
            </a:r>
          </a:p>
        </p:txBody>
      </p:sp>
      <p:pic>
        <p:nvPicPr>
          <p:cNvPr id="4" name="Bilde 3">
            <a:extLst>
              <a:ext uri="{FF2B5EF4-FFF2-40B4-BE49-F238E27FC236}">
                <a16:creationId xmlns:a16="http://schemas.microsoft.com/office/drawing/2014/main" id="{DCFC6F05-CC25-3847-DE7E-E810DF531BF6}"/>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7" name="Plassholder for bilde 9">
            <a:extLst>
              <a:ext uri="{FF2B5EF4-FFF2-40B4-BE49-F238E27FC236}">
                <a16:creationId xmlns:a16="http://schemas.microsoft.com/office/drawing/2014/main" id="{D2F217D4-8B90-9CD5-3D8D-40CACBBD69C6}"/>
              </a:ext>
            </a:extLst>
          </p:cNvPr>
          <p:cNvSpPr>
            <a:spLocks noGrp="1"/>
          </p:cNvSpPr>
          <p:nvPr>
            <p:ph type="pic" sz="quarter" idx="14" hasCustomPrompt="1"/>
          </p:nvPr>
        </p:nvSpPr>
        <p:spPr>
          <a:xfrm>
            <a:off x="6139543" y="827690"/>
            <a:ext cx="5212251" cy="5212251"/>
          </a:xfrm>
          <a:custGeom>
            <a:avLst/>
            <a:gdLst>
              <a:gd name="connsiteX0" fmla="*/ 1115078 w 4971402"/>
              <a:gd name="connsiteY0" fmla="*/ 0 h 4971402"/>
              <a:gd name="connsiteX1" fmla="*/ 4758012 w 4971402"/>
              <a:gd name="connsiteY1" fmla="*/ 0 h 4971402"/>
              <a:gd name="connsiteX2" fmla="*/ 4971402 w 4971402"/>
              <a:gd name="connsiteY2" fmla="*/ 213390 h 4971402"/>
              <a:gd name="connsiteX3" fmla="*/ 4971402 w 4971402"/>
              <a:gd name="connsiteY3" fmla="*/ 4758012 h 4971402"/>
              <a:gd name="connsiteX4" fmla="*/ 4758012 w 4971402"/>
              <a:gd name="connsiteY4" fmla="*/ 4971402 h 4971402"/>
              <a:gd name="connsiteX5" fmla="*/ 2201951 w 4971402"/>
              <a:gd name="connsiteY5" fmla="*/ 4971402 h 4971402"/>
              <a:gd name="connsiteX6" fmla="*/ 1988561 w 4971402"/>
              <a:gd name="connsiteY6" fmla="*/ 4758012 h 4971402"/>
              <a:gd name="connsiteX7" fmla="*/ 1988561 w 4971402"/>
              <a:gd name="connsiteY7" fmla="*/ 4084669 h 4971402"/>
              <a:gd name="connsiteX8" fmla="*/ 1592194 w 4971402"/>
              <a:gd name="connsiteY8" fmla="*/ 3974863 h 4971402"/>
              <a:gd name="connsiteX9" fmla="*/ 1056461 w 4971402"/>
              <a:gd name="connsiteY9" fmla="*/ 4867768 h 4971402"/>
              <a:gd name="connsiteX10" fmla="*/ 873483 w 4971402"/>
              <a:gd name="connsiteY10" fmla="*/ 4971352 h 4971402"/>
              <a:gd name="connsiteX11" fmla="*/ 213390 w 4971402"/>
              <a:gd name="connsiteY11" fmla="*/ 4971352 h 4971402"/>
              <a:gd name="connsiteX12" fmla="*/ 0 w 4971402"/>
              <a:gd name="connsiteY12" fmla="*/ 4757962 h 4971402"/>
              <a:gd name="connsiteX13" fmla="*/ 0 w 4971402"/>
              <a:gd name="connsiteY13" fmla="*/ 1716253 h 4971402"/>
              <a:gd name="connsiteX14" fmla="*/ 30413 w 4971402"/>
              <a:gd name="connsiteY14" fmla="*/ 1606446 h 4971402"/>
              <a:gd name="connsiteX15" fmla="*/ 932100 w 4971402"/>
              <a:gd name="connsiteY15" fmla="*/ 103583 h 4971402"/>
              <a:gd name="connsiteX16" fmla="*/ 1115078 w 4971402"/>
              <a:gd name="connsiteY16" fmla="*/ 0 h 4971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971402" h="4971402">
                <a:moveTo>
                  <a:pt x="1115078" y="0"/>
                </a:moveTo>
                <a:lnTo>
                  <a:pt x="4758012" y="0"/>
                </a:lnTo>
                <a:cubicBezTo>
                  <a:pt x="4875848" y="0"/>
                  <a:pt x="4971402" y="95554"/>
                  <a:pt x="4971402" y="213390"/>
                </a:cubicBezTo>
                <a:lnTo>
                  <a:pt x="4971402" y="4758012"/>
                </a:lnTo>
                <a:cubicBezTo>
                  <a:pt x="4971402" y="4875848"/>
                  <a:pt x="4875848" y="4971402"/>
                  <a:pt x="4758012" y="4971402"/>
                </a:cubicBezTo>
                <a:lnTo>
                  <a:pt x="2201951" y="4971402"/>
                </a:lnTo>
                <a:cubicBezTo>
                  <a:pt x="2084114" y="4971402"/>
                  <a:pt x="1988561" y="4875848"/>
                  <a:pt x="1988561" y="4758012"/>
                </a:cubicBezTo>
                <a:lnTo>
                  <a:pt x="1988561" y="4084669"/>
                </a:lnTo>
                <a:cubicBezTo>
                  <a:pt x="1988561" y="3868268"/>
                  <a:pt x="1703556" y="3789276"/>
                  <a:pt x="1592194" y="3974863"/>
                </a:cubicBezTo>
                <a:lnTo>
                  <a:pt x="1056461" y="4867768"/>
                </a:lnTo>
                <a:cubicBezTo>
                  <a:pt x="1017918" y="4932056"/>
                  <a:pt x="948461" y="4971352"/>
                  <a:pt x="873483" y="4971352"/>
                </a:cubicBezTo>
                <a:lnTo>
                  <a:pt x="213390" y="4971352"/>
                </a:lnTo>
                <a:cubicBezTo>
                  <a:pt x="95554" y="4971352"/>
                  <a:pt x="0" y="4875798"/>
                  <a:pt x="0" y="4757962"/>
                </a:cubicBezTo>
                <a:lnTo>
                  <a:pt x="0" y="1716253"/>
                </a:lnTo>
                <a:cubicBezTo>
                  <a:pt x="0" y="1677559"/>
                  <a:pt x="10489" y="1639619"/>
                  <a:pt x="30413" y="1606446"/>
                </a:cubicBezTo>
                <a:lnTo>
                  <a:pt x="932100" y="103583"/>
                </a:lnTo>
                <a:cubicBezTo>
                  <a:pt x="970693" y="39346"/>
                  <a:pt x="1040150" y="0"/>
                  <a:pt x="1115078" y="0"/>
                </a:cubicBezTo>
                <a:close/>
              </a:path>
            </a:pathLst>
          </a:custGeom>
        </p:spPr>
        <p:txBody>
          <a:bodyPr wrap="square" anchor="ctr">
            <a:noAutofit/>
          </a:bodyPr>
          <a:lstStyle>
            <a:lvl1pPr marL="0" indent="0" algn="ctr">
              <a:buNone/>
              <a:defRPr>
                <a:solidFill>
                  <a:schemeClr val="tx1"/>
                </a:solidFill>
                <a:latin typeface="Aptos" panose="020B0004020202020204" pitchFamily="34" charset="0"/>
              </a:defRPr>
            </a:lvl1pPr>
          </a:lstStyle>
          <a:p>
            <a:r>
              <a:rPr lang="nb-NO" dirty="0"/>
              <a:t>Klikk på ikonet for å legge til et bilde</a:t>
            </a:r>
          </a:p>
          <a:p>
            <a:endParaRPr lang="nb-NO" dirty="0"/>
          </a:p>
          <a:p>
            <a:endParaRPr lang="nb-NO" dirty="0"/>
          </a:p>
        </p:txBody>
      </p:sp>
      <p:pic>
        <p:nvPicPr>
          <p:cNvPr id="5" name="Bilde 2">
            <a:extLst>
              <a:ext uri="{FF2B5EF4-FFF2-40B4-BE49-F238E27FC236}">
                <a16:creationId xmlns:a16="http://schemas.microsoft.com/office/drawing/2014/main" id="{05798C6B-2745-E7F1-3241-DAE7502B35A4}"/>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855988239"/>
      </p:ext>
    </p:extLst>
  </p:cSld>
  <p:clrMapOvr>
    <a:overrideClrMapping bg1="lt1" tx1="dk1" bg2="lt2" tx2="dk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Forside 3">
    <p:spTree>
      <p:nvGrpSpPr>
        <p:cNvPr id="1" name=""/>
        <p:cNvGrpSpPr/>
        <p:nvPr/>
      </p:nvGrpSpPr>
      <p:grpSpPr>
        <a:xfrm>
          <a:off x="0" y="0"/>
          <a:ext cx="0" cy="0"/>
          <a:chOff x="0" y="0"/>
          <a:chExt cx="0" cy="0"/>
        </a:xfrm>
      </p:grpSpPr>
      <p:sp>
        <p:nvSpPr>
          <p:cNvPr id="6" name="Plassholder for bilde 5">
            <a:extLst>
              <a:ext uri="{FF2B5EF4-FFF2-40B4-BE49-F238E27FC236}">
                <a16:creationId xmlns:a16="http://schemas.microsoft.com/office/drawing/2014/main" id="{8F3FE7BC-CCDA-25E1-31CE-556CF7587174}"/>
              </a:ext>
            </a:extLst>
          </p:cNvPr>
          <p:cNvSpPr>
            <a:spLocks noGrp="1"/>
          </p:cNvSpPr>
          <p:nvPr>
            <p:ph type="pic" sz="quarter" idx="10" hasCustomPrompt="1"/>
          </p:nvPr>
        </p:nvSpPr>
        <p:spPr>
          <a:xfrm>
            <a:off x="838199" y="818284"/>
            <a:ext cx="10511434" cy="5219602"/>
          </a:xfrm>
          <a:custGeom>
            <a:avLst/>
            <a:gdLst>
              <a:gd name="connsiteX0" fmla="*/ 1170935 w 10511434"/>
              <a:gd name="connsiteY0" fmla="*/ 0 h 5219602"/>
              <a:gd name="connsiteX1" fmla="*/ 10287355 w 10511434"/>
              <a:gd name="connsiteY1" fmla="*/ 0 h 5219602"/>
              <a:gd name="connsiteX2" fmla="*/ 10511434 w 10511434"/>
              <a:gd name="connsiteY2" fmla="*/ 224041 h 5219602"/>
              <a:gd name="connsiteX3" fmla="*/ 10511434 w 10511434"/>
              <a:gd name="connsiteY3" fmla="*/ 4995561 h 5219602"/>
              <a:gd name="connsiteX4" fmla="*/ 10287355 w 10511434"/>
              <a:gd name="connsiteY4" fmla="*/ 5219602 h 5219602"/>
              <a:gd name="connsiteX5" fmla="*/ 8647340 w 10511434"/>
              <a:gd name="connsiteY5" fmla="*/ 5219602 h 5219602"/>
              <a:gd name="connsiteX6" fmla="*/ 8423260 w 10511434"/>
              <a:gd name="connsiteY6" fmla="*/ 4995561 h 5219602"/>
              <a:gd name="connsiteX7" fmla="*/ 8423260 w 10511434"/>
              <a:gd name="connsiteY7" fmla="*/ 4288609 h 5219602"/>
              <a:gd name="connsiteX8" fmla="*/ 8007038 w 10511434"/>
              <a:gd name="connsiteY8" fmla="*/ 4173321 h 5219602"/>
              <a:gd name="connsiteX9" fmla="*/ 7444469 w 10511434"/>
              <a:gd name="connsiteY9" fmla="*/ 5110796 h 5219602"/>
              <a:gd name="connsiteX10" fmla="*/ 7252326 w 10511434"/>
              <a:gd name="connsiteY10" fmla="*/ 5219549 h 5219602"/>
              <a:gd name="connsiteX11" fmla="*/ 224079 w 10511434"/>
              <a:gd name="connsiteY11" fmla="*/ 5219549 h 5219602"/>
              <a:gd name="connsiteX12" fmla="*/ 0 w 10511434"/>
              <a:gd name="connsiteY12" fmla="*/ 4995508 h 5219602"/>
              <a:gd name="connsiteX13" fmla="*/ 0 w 10511434"/>
              <a:gd name="connsiteY13" fmla="*/ 1801920 h 5219602"/>
              <a:gd name="connsiteX14" fmla="*/ 31936 w 10511434"/>
              <a:gd name="connsiteY14" fmla="*/ 1686632 h 5219602"/>
              <a:gd name="connsiteX15" fmla="*/ 978792 w 10511434"/>
              <a:gd name="connsiteY15" fmla="*/ 108754 h 5219602"/>
              <a:gd name="connsiteX16" fmla="*/ 1170935 w 10511434"/>
              <a:gd name="connsiteY16" fmla="*/ 0 h 5219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511434" h="5219602">
                <a:moveTo>
                  <a:pt x="1170935" y="0"/>
                </a:moveTo>
                <a:lnTo>
                  <a:pt x="10287355" y="0"/>
                </a:lnTo>
                <a:cubicBezTo>
                  <a:pt x="10411094" y="0"/>
                  <a:pt x="10511434" y="100323"/>
                  <a:pt x="10511434" y="224041"/>
                </a:cubicBezTo>
                <a:lnTo>
                  <a:pt x="10511434" y="4995561"/>
                </a:lnTo>
                <a:cubicBezTo>
                  <a:pt x="10511434" y="5119279"/>
                  <a:pt x="10411094" y="5219602"/>
                  <a:pt x="10287355" y="5219602"/>
                </a:cubicBezTo>
                <a:lnTo>
                  <a:pt x="8647340" y="5219602"/>
                </a:lnTo>
                <a:cubicBezTo>
                  <a:pt x="8523601" y="5219602"/>
                  <a:pt x="8423260" y="5119279"/>
                  <a:pt x="8423260" y="4995561"/>
                </a:cubicBezTo>
                <a:lnTo>
                  <a:pt x="8423260" y="4288609"/>
                </a:lnTo>
                <a:cubicBezTo>
                  <a:pt x="8423260" y="4061353"/>
                  <a:pt x="8123979" y="3978471"/>
                  <a:pt x="8007038" y="4173321"/>
                </a:cubicBezTo>
                <a:lnTo>
                  <a:pt x="7444469" y="5110796"/>
                </a:lnTo>
                <a:cubicBezTo>
                  <a:pt x="7403995" y="5178240"/>
                  <a:pt x="7331059" y="5219549"/>
                  <a:pt x="7252326" y="5219549"/>
                </a:cubicBezTo>
                <a:lnTo>
                  <a:pt x="224079" y="5219549"/>
                </a:lnTo>
                <a:cubicBezTo>
                  <a:pt x="100340" y="5219549"/>
                  <a:pt x="0" y="5119226"/>
                  <a:pt x="0" y="4995508"/>
                </a:cubicBezTo>
                <a:lnTo>
                  <a:pt x="0" y="1801920"/>
                </a:lnTo>
                <a:cubicBezTo>
                  <a:pt x="0" y="1761295"/>
                  <a:pt x="11067" y="1721461"/>
                  <a:pt x="31936" y="1686632"/>
                </a:cubicBezTo>
                <a:lnTo>
                  <a:pt x="978792" y="108754"/>
                </a:lnTo>
                <a:cubicBezTo>
                  <a:pt x="1019265" y="41310"/>
                  <a:pt x="1092202" y="0"/>
                  <a:pt x="1170935" y="0"/>
                </a:cubicBezTo>
                <a:close/>
              </a:path>
            </a:pathLst>
          </a:custGeom>
        </p:spPr>
        <p:txBody>
          <a:bodyPr wrap="square" anchor="ctr">
            <a:noAutofit/>
          </a:bodyPr>
          <a:lstStyle>
            <a:lvl1pPr marL="0" indent="0" algn="ctr">
              <a:buNone/>
              <a:defRPr>
                <a:solidFill>
                  <a:schemeClr val="tx1"/>
                </a:solidFill>
              </a:defRPr>
            </a:lvl1pPr>
          </a:lstStyle>
          <a:p>
            <a:r>
              <a:rPr lang="nb-NO" dirty="0"/>
              <a:t>Klikk på ikonet for å legge til et bilde</a:t>
            </a:r>
          </a:p>
          <a:p>
            <a:endParaRPr lang="nb-NO" dirty="0"/>
          </a:p>
          <a:p>
            <a:endParaRPr lang="nb-NO" dirty="0"/>
          </a:p>
        </p:txBody>
      </p:sp>
      <p:pic>
        <p:nvPicPr>
          <p:cNvPr id="41" name="Bilde 40">
            <a:extLst>
              <a:ext uri="{FF2B5EF4-FFF2-40B4-BE49-F238E27FC236}">
                <a16:creationId xmlns:a16="http://schemas.microsoft.com/office/drawing/2014/main" id="{59A61231-5D90-F084-BD09-FB9296AC37C8}"/>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9" name="Tittel 1">
            <a:extLst>
              <a:ext uri="{FF2B5EF4-FFF2-40B4-BE49-F238E27FC236}">
                <a16:creationId xmlns:a16="http://schemas.microsoft.com/office/drawing/2014/main" id="{67115B24-C328-3F2B-480E-ACB8FE03C0BD}"/>
              </a:ext>
            </a:extLst>
          </p:cNvPr>
          <p:cNvSpPr>
            <a:spLocks noGrp="1"/>
          </p:cNvSpPr>
          <p:nvPr>
            <p:ph type="ctrTitle" hasCustomPrompt="1"/>
          </p:nvPr>
        </p:nvSpPr>
        <p:spPr>
          <a:xfrm>
            <a:off x="1233982" y="4067034"/>
            <a:ext cx="9626400" cy="1693501"/>
          </a:xfrm>
        </p:spPr>
        <p:txBody>
          <a:bodyPr anchor="b">
            <a:noAutofit/>
          </a:bodyPr>
          <a:lstStyle>
            <a:lvl1pPr algn="l">
              <a:defRPr sz="5400">
                <a:solidFill>
                  <a:schemeClr val="tx1"/>
                </a:solidFill>
                <a:latin typeface="Aptos" panose="020B0004020202020204" pitchFamily="34" charset="0"/>
              </a:defRPr>
            </a:lvl1pPr>
          </a:lstStyle>
          <a:p>
            <a:r>
              <a:rPr lang="nb-NO" dirty="0"/>
              <a:t>Klikk for å redigere tittel</a:t>
            </a:r>
          </a:p>
        </p:txBody>
      </p:sp>
      <p:pic>
        <p:nvPicPr>
          <p:cNvPr id="2" name="Bilde 2">
            <a:extLst>
              <a:ext uri="{FF2B5EF4-FFF2-40B4-BE49-F238E27FC236}">
                <a16:creationId xmlns:a16="http://schemas.microsoft.com/office/drawing/2014/main" id="{2019890D-4C7D-9DB7-7D1D-84ADAFDC25ED}"/>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629280266"/>
      </p:ext>
    </p:extLst>
  </p:cSld>
  <p:clrMapOvr>
    <a:overrideClrMapping bg1="lt1" tx1="dk1" bg2="lt2" tx2="dk2" accent1="accent1" accent2="accent2" accent3="accent3" accent4="accent4" accent5="accent5" accent6="accent6" hlink="hlink" folHlink="folHlink"/>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Forside 4">
    <p:spTree>
      <p:nvGrpSpPr>
        <p:cNvPr id="1" name=""/>
        <p:cNvGrpSpPr/>
        <p:nvPr/>
      </p:nvGrpSpPr>
      <p:grpSpPr>
        <a:xfrm>
          <a:off x="0" y="0"/>
          <a:ext cx="0" cy="0"/>
          <a:chOff x="0" y="0"/>
          <a:chExt cx="0" cy="0"/>
        </a:xfrm>
      </p:grpSpPr>
      <p:sp>
        <p:nvSpPr>
          <p:cNvPr id="4" name="Tittel 1">
            <a:extLst>
              <a:ext uri="{FF2B5EF4-FFF2-40B4-BE49-F238E27FC236}">
                <a16:creationId xmlns:a16="http://schemas.microsoft.com/office/drawing/2014/main" id="{70B16244-B73E-C20D-887F-CDF4D49D264A}"/>
              </a:ext>
            </a:extLst>
          </p:cNvPr>
          <p:cNvSpPr>
            <a:spLocks noGrp="1"/>
          </p:cNvSpPr>
          <p:nvPr>
            <p:ph type="title" hasCustomPrompt="1"/>
          </p:nvPr>
        </p:nvSpPr>
        <p:spPr>
          <a:xfrm>
            <a:off x="838199" y="2729878"/>
            <a:ext cx="10477501" cy="2278517"/>
          </a:xfrm>
        </p:spPr>
        <p:txBody>
          <a:bodyPr anchor="b">
            <a:noAutofit/>
          </a:bodyPr>
          <a:lstStyle>
            <a:lvl1pPr algn="l">
              <a:defRPr sz="5400">
                <a:solidFill>
                  <a:schemeClr val="tx1"/>
                </a:solidFill>
                <a:latin typeface="Aptos" panose="020B0004020202020204" pitchFamily="34" charset="0"/>
              </a:defRPr>
            </a:lvl1pPr>
          </a:lstStyle>
          <a:p>
            <a:r>
              <a:rPr lang="nb-NO" dirty="0"/>
              <a:t>Klikk for å redigere tittel</a:t>
            </a:r>
          </a:p>
        </p:txBody>
      </p:sp>
      <p:pic>
        <p:nvPicPr>
          <p:cNvPr id="5" name="Bilde 4">
            <a:extLst>
              <a:ext uri="{FF2B5EF4-FFF2-40B4-BE49-F238E27FC236}">
                <a16:creationId xmlns:a16="http://schemas.microsoft.com/office/drawing/2014/main" id="{3D305D02-7876-3935-B22C-1F2C4015931F}"/>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8" name="Undertittel 2">
            <a:extLst>
              <a:ext uri="{FF2B5EF4-FFF2-40B4-BE49-F238E27FC236}">
                <a16:creationId xmlns:a16="http://schemas.microsoft.com/office/drawing/2014/main" id="{38187517-7754-0327-D71B-F760BA70326E}"/>
              </a:ext>
            </a:extLst>
          </p:cNvPr>
          <p:cNvSpPr>
            <a:spLocks noGrp="1"/>
          </p:cNvSpPr>
          <p:nvPr>
            <p:ph type="subTitle" idx="1" hasCustomPrompt="1"/>
          </p:nvPr>
        </p:nvSpPr>
        <p:spPr>
          <a:xfrm>
            <a:off x="838199" y="5123507"/>
            <a:ext cx="10477500" cy="918000"/>
          </a:xfrm>
        </p:spPr>
        <p:txBody>
          <a:bodyPr>
            <a:noAutofit/>
          </a:bodyPr>
          <a:lstStyle>
            <a:lvl1pPr marL="0" indent="0" algn="l">
              <a:buNone/>
              <a:defRPr sz="2000">
                <a:solidFill>
                  <a:schemeClr val="tx1"/>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her for å redigere undertittel</a:t>
            </a:r>
          </a:p>
        </p:txBody>
      </p:sp>
      <p:pic>
        <p:nvPicPr>
          <p:cNvPr id="2" name="Bilde 2">
            <a:extLst>
              <a:ext uri="{FF2B5EF4-FFF2-40B4-BE49-F238E27FC236}">
                <a16:creationId xmlns:a16="http://schemas.microsoft.com/office/drawing/2014/main" id="{347DD702-A5FA-79CA-E463-FA97699132B0}"/>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6604520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type="obj" preserve="1">
  <p:cSld name="Agenda 1">
    <p:spTree>
      <p:nvGrpSpPr>
        <p:cNvPr id="1" name=""/>
        <p:cNvGrpSpPr/>
        <p:nvPr/>
      </p:nvGrpSpPr>
      <p:grpSpPr>
        <a:xfrm>
          <a:off x="0" y="0"/>
          <a:ext cx="0" cy="0"/>
          <a:chOff x="0" y="0"/>
          <a:chExt cx="0" cy="0"/>
        </a:xfrm>
      </p:grpSpPr>
      <p:sp>
        <p:nvSpPr>
          <p:cNvPr id="9" name="Rektangel 8">
            <a:extLst>
              <a:ext uri="{FF2B5EF4-FFF2-40B4-BE49-F238E27FC236}">
                <a16:creationId xmlns:a16="http://schemas.microsoft.com/office/drawing/2014/main" id="{4D999934-1CF5-6D77-D7D4-409CEED297DC}"/>
              </a:ext>
            </a:extLst>
          </p:cNvPr>
          <p:cNvSpPr/>
          <p:nvPr userDrawn="1"/>
        </p:nvSpPr>
        <p:spPr>
          <a:xfrm flipH="1">
            <a:off x="0" y="1"/>
            <a:ext cx="6096000" cy="685799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a:solidFill>
                <a:schemeClr val="tx1"/>
              </a:solidFill>
              <a:latin typeface="Aptos" panose="020B0004020202020204" pitchFamily="34" charset="0"/>
            </a:endParaRPr>
          </a:p>
        </p:txBody>
      </p:sp>
      <p:sp>
        <p:nvSpPr>
          <p:cNvPr id="2" name="Tittel 1">
            <a:extLst>
              <a:ext uri="{FF2B5EF4-FFF2-40B4-BE49-F238E27FC236}">
                <a16:creationId xmlns:a16="http://schemas.microsoft.com/office/drawing/2014/main" id="{C738ED5E-9F67-DC18-87A1-32020F08361D}"/>
              </a:ext>
            </a:extLst>
          </p:cNvPr>
          <p:cNvSpPr>
            <a:spLocks noGrp="1"/>
          </p:cNvSpPr>
          <p:nvPr>
            <p:ph type="title" hasCustomPrompt="1"/>
          </p:nvPr>
        </p:nvSpPr>
        <p:spPr>
          <a:xfrm>
            <a:off x="838200" y="1010653"/>
            <a:ext cx="4419599" cy="5166308"/>
          </a:xfrm>
        </p:spPr>
        <p:txBody>
          <a:bodyPr anchor="ctr">
            <a:noAutofit/>
          </a:bodyPr>
          <a:lstStyle>
            <a:lvl1pPr algn="l">
              <a:defRPr sz="4400">
                <a:solidFill>
                  <a:schemeClr val="bg2"/>
                </a:solidFill>
                <a:latin typeface="Aptos" panose="020B0004020202020204" pitchFamily="34" charset="0"/>
              </a:defRPr>
            </a:lvl1pPr>
          </a:lstStyle>
          <a:p>
            <a:r>
              <a:rPr lang="nb-NO" dirty="0"/>
              <a:t>Klikk for å redigere tekst</a:t>
            </a:r>
          </a:p>
        </p:txBody>
      </p:sp>
      <p:sp>
        <p:nvSpPr>
          <p:cNvPr id="3" name="Plassholder for innhold 2">
            <a:extLst>
              <a:ext uri="{FF2B5EF4-FFF2-40B4-BE49-F238E27FC236}">
                <a16:creationId xmlns:a16="http://schemas.microsoft.com/office/drawing/2014/main" id="{DA068950-0913-7A99-7DBF-9B59DC6D1B9D}"/>
              </a:ext>
            </a:extLst>
          </p:cNvPr>
          <p:cNvSpPr>
            <a:spLocks noGrp="1"/>
          </p:cNvSpPr>
          <p:nvPr>
            <p:ph idx="1" hasCustomPrompt="1"/>
          </p:nvPr>
        </p:nvSpPr>
        <p:spPr>
          <a:xfrm>
            <a:off x="6985000" y="1010653"/>
            <a:ext cx="4368799" cy="5166309"/>
          </a:xfrm>
        </p:spPr>
        <p:txBody>
          <a:bodyPr anchor="ctr">
            <a:noAutofit/>
          </a:bodyPr>
          <a:lstStyle>
            <a:lvl1pPr marL="457200" indent="-457200">
              <a:buClr>
                <a:schemeClr val="tx2"/>
              </a:buClr>
              <a:buFont typeface="+mj-lt"/>
              <a:buAutoNum type="arabicPeriod"/>
              <a:defRPr b="1">
                <a:solidFill>
                  <a:schemeClr val="tx1"/>
                </a:solidFill>
                <a:latin typeface="Aptos" panose="020B0004020202020204" pitchFamily="34" charset="0"/>
              </a:defRPr>
            </a:lvl1pPr>
          </a:lstStyle>
          <a:p>
            <a:pPr lvl="0"/>
            <a:r>
              <a:rPr lang="nb-NO" dirty="0"/>
              <a:t>Skriv agenda her</a:t>
            </a:r>
          </a:p>
        </p:txBody>
      </p:sp>
      <p:pic>
        <p:nvPicPr>
          <p:cNvPr id="4" name="Bilde 3">
            <a:extLst>
              <a:ext uri="{FF2B5EF4-FFF2-40B4-BE49-F238E27FC236}">
                <a16:creationId xmlns:a16="http://schemas.microsoft.com/office/drawing/2014/main" id="{268CBF6F-55A0-13CE-2DC8-A91167E1B10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5" name="Bilde 2">
            <a:extLst>
              <a:ext uri="{FF2B5EF4-FFF2-40B4-BE49-F238E27FC236}">
                <a16:creationId xmlns:a16="http://schemas.microsoft.com/office/drawing/2014/main" id="{E28D3A8E-A5E6-F4D4-A8B8-ACFE824FA170}"/>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2649351979"/>
      </p:ext>
    </p:extLst>
  </p:cSld>
  <p:clrMapOvr>
    <a:overrideClrMapping bg1="lt1" tx1="dk1" bg2="lt2" tx2="dk2" accent1="accent1" accent2="accent2" accent3="accent3" accent4="accent4" accent5="accent5" accent6="accent6" hlink="hlink" folHlink="folHlink"/>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type="title" preserve="1">
  <p:cSld name="Mellomslide 1">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A51597EE-9C80-BED4-B972-F77187939CB5}"/>
              </a:ext>
            </a:extLst>
          </p:cNvPr>
          <p:cNvSpPr>
            <a:spLocks noGrp="1"/>
          </p:cNvSpPr>
          <p:nvPr>
            <p:ph type="ctrTitle" hasCustomPrompt="1"/>
          </p:nvPr>
        </p:nvSpPr>
        <p:spPr>
          <a:xfrm>
            <a:off x="838200" y="847032"/>
            <a:ext cx="10515600" cy="2810567"/>
          </a:xfrm>
        </p:spPr>
        <p:txBody>
          <a:bodyPr anchor="b">
            <a:noAutofit/>
          </a:bodyPr>
          <a:lstStyle>
            <a:lvl1pPr algn="ctr">
              <a:defRPr sz="4400">
                <a:solidFill>
                  <a:schemeClr val="tx1"/>
                </a:solidFill>
                <a:latin typeface="Aptos" panose="020B0004020202020204" pitchFamily="34" charset="0"/>
              </a:defRPr>
            </a:lvl1pPr>
          </a:lstStyle>
          <a:p>
            <a:r>
              <a:rPr lang="nb-NO" dirty="0"/>
              <a:t>Klikk for å redigere tittel</a:t>
            </a:r>
          </a:p>
        </p:txBody>
      </p:sp>
      <p:sp>
        <p:nvSpPr>
          <p:cNvPr id="3" name="Undertittel 2">
            <a:extLst>
              <a:ext uri="{FF2B5EF4-FFF2-40B4-BE49-F238E27FC236}">
                <a16:creationId xmlns:a16="http://schemas.microsoft.com/office/drawing/2014/main" id="{6C16562C-6679-120E-9543-2FB6648D17D1}"/>
              </a:ext>
            </a:extLst>
          </p:cNvPr>
          <p:cNvSpPr>
            <a:spLocks noGrp="1"/>
          </p:cNvSpPr>
          <p:nvPr>
            <p:ph type="subTitle" idx="1" hasCustomPrompt="1"/>
          </p:nvPr>
        </p:nvSpPr>
        <p:spPr>
          <a:xfrm>
            <a:off x="838200" y="3724712"/>
            <a:ext cx="10515600" cy="2286000"/>
          </a:xfrm>
        </p:spPr>
        <p:txBody>
          <a:bodyPr>
            <a:noAutofit/>
          </a:bodyPr>
          <a:lstStyle>
            <a:lvl1pPr marL="0" indent="0" algn="ctr">
              <a:buNone/>
              <a:defRPr sz="2000">
                <a:solidFill>
                  <a:schemeClr val="tx1"/>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a:t>Klikk for å redigere undertittelstil i malen</a:t>
            </a:r>
          </a:p>
        </p:txBody>
      </p:sp>
      <p:pic>
        <p:nvPicPr>
          <p:cNvPr id="4" name="Bilde 3">
            <a:extLst>
              <a:ext uri="{FF2B5EF4-FFF2-40B4-BE49-F238E27FC236}">
                <a16:creationId xmlns:a16="http://schemas.microsoft.com/office/drawing/2014/main" id="{46CAA519-6EDD-239A-178C-6679C82E4B0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5" name="Bilde 2">
            <a:extLst>
              <a:ext uri="{FF2B5EF4-FFF2-40B4-BE49-F238E27FC236}">
                <a16:creationId xmlns:a16="http://schemas.microsoft.com/office/drawing/2014/main" id="{F707B91B-7C83-7AB6-18AF-43E54853683F}"/>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630017914"/>
      </p:ext>
    </p:extLst>
  </p:cSld>
  <p:clrMapOvr>
    <a:overrideClrMapping bg1="lt1" tx1="dk1" bg2="lt2" tx2="dk2" accent1="accent1" accent2="accent2" accent3="accent3" accent4="accent4" accent5="accent5" accent6="accent6" hlink="hlink" folHlink="folHlink"/>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Mellomslide 2">
    <p:spTree>
      <p:nvGrpSpPr>
        <p:cNvPr id="1" name=""/>
        <p:cNvGrpSpPr/>
        <p:nvPr/>
      </p:nvGrpSpPr>
      <p:grpSpPr>
        <a:xfrm>
          <a:off x="0" y="0"/>
          <a:ext cx="0" cy="0"/>
          <a:chOff x="0" y="0"/>
          <a:chExt cx="0" cy="0"/>
        </a:xfrm>
      </p:grpSpPr>
      <p:sp>
        <p:nvSpPr>
          <p:cNvPr id="7" name="Plassholder for bilde 6">
            <a:extLst>
              <a:ext uri="{FF2B5EF4-FFF2-40B4-BE49-F238E27FC236}">
                <a16:creationId xmlns:a16="http://schemas.microsoft.com/office/drawing/2014/main" id="{B74CB703-39D3-7675-1101-34100DC35A39}"/>
              </a:ext>
            </a:extLst>
          </p:cNvPr>
          <p:cNvSpPr>
            <a:spLocks noGrp="1"/>
          </p:cNvSpPr>
          <p:nvPr>
            <p:ph type="pic" sz="quarter" idx="10" hasCustomPrompt="1"/>
          </p:nvPr>
        </p:nvSpPr>
        <p:spPr>
          <a:xfrm>
            <a:off x="0" y="2361063"/>
            <a:ext cx="12192000" cy="4496937"/>
          </a:xfrm>
        </p:spPr>
        <p:txBody>
          <a:bodyPr anchor="ctr"/>
          <a:lstStyle>
            <a:lvl1pPr marL="0" indent="0" algn="ctr">
              <a:buNone/>
              <a:defRPr>
                <a:solidFill>
                  <a:schemeClr val="tx1"/>
                </a:solidFill>
                <a:latin typeface="Aptos" panose="020B0004020202020204" pitchFamily="34" charset="0"/>
              </a:defRPr>
            </a:lvl1pPr>
          </a:lstStyle>
          <a:p>
            <a:r>
              <a:rPr lang="nb-NO" dirty="0"/>
              <a:t>Klikk på ikonet for å legge til et bilde</a:t>
            </a:r>
          </a:p>
          <a:p>
            <a:endParaRPr lang="nb-NO" dirty="0"/>
          </a:p>
          <a:p>
            <a:endParaRPr lang="nb-NO" dirty="0"/>
          </a:p>
        </p:txBody>
      </p:sp>
      <p:pic>
        <p:nvPicPr>
          <p:cNvPr id="3" name="Bilde 2">
            <a:extLst>
              <a:ext uri="{FF2B5EF4-FFF2-40B4-BE49-F238E27FC236}">
                <a16:creationId xmlns:a16="http://schemas.microsoft.com/office/drawing/2014/main" id="{1DDC5DD6-7423-8B16-73AC-BE35C6F0D9B5}"/>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8" name="Tittel 1">
            <a:extLst>
              <a:ext uri="{FF2B5EF4-FFF2-40B4-BE49-F238E27FC236}">
                <a16:creationId xmlns:a16="http://schemas.microsoft.com/office/drawing/2014/main" id="{653CA80E-1E7D-073D-B788-161DC1D45D36}"/>
              </a:ext>
            </a:extLst>
          </p:cNvPr>
          <p:cNvSpPr>
            <a:spLocks noGrp="1"/>
          </p:cNvSpPr>
          <p:nvPr>
            <p:ph type="title" hasCustomPrompt="1"/>
          </p:nvPr>
        </p:nvSpPr>
        <p:spPr>
          <a:xfrm>
            <a:off x="797256" y="361508"/>
            <a:ext cx="10516738" cy="1529372"/>
          </a:xfrm>
        </p:spPr>
        <p:txBody>
          <a:bodyPr anchor="t">
            <a:noAutofit/>
          </a:bodyPr>
          <a:lstStyle>
            <a:lvl1pPr algn="l">
              <a:defRPr sz="4400">
                <a:solidFill>
                  <a:schemeClr val="tx1"/>
                </a:solidFill>
                <a:latin typeface="Aptos" panose="020B0004020202020204" pitchFamily="34" charset="0"/>
              </a:defRPr>
            </a:lvl1pPr>
          </a:lstStyle>
          <a:p>
            <a:r>
              <a:rPr lang="nb-NO" dirty="0"/>
              <a:t>Klikk for å redigere tittel</a:t>
            </a:r>
          </a:p>
        </p:txBody>
      </p:sp>
      <p:pic>
        <p:nvPicPr>
          <p:cNvPr id="2" name="Bilde 2">
            <a:extLst>
              <a:ext uri="{FF2B5EF4-FFF2-40B4-BE49-F238E27FC236}">
                <a16:creationId xmlns:a16="http://schemas.microsoft.com/office/drawing/2014/main" id="{3EBBA8F3-FDC0-DF28-8968-5B030CF704D5}"/>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737679096"/>
      </p:ext>
    </p:extLst>
  </p:cSld>
  <p:clrMapOvr>
    <a:overrideClrMapping bg1="lt1" tx1="dk1" bg2="lt2" tx2="dk2" accent1="accent1" accent2="accent2" accent3="accent3" accent4="accent4" accent5="accent5" accent6="accent6" hlink="hlink" folHlink="folHlink"/>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Mellomslide 3">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A51597EE-9C80-BED4-B972-F77187939CB5}"/>
              </a:ext>
            </a:extLst>
          </p:cNvPr>
          <p:cNvSpPr>
            <a:spLocks noGrp="1"/>
          </p:cNvSpPr>
          <p:nvPr>
            <p:ph type="ctrTitle" hasCustomPrompt="1"/>
          </p:nvPr>
        </p:nvSpPr>
        <p:spPr>
          <a:xfrm>
            <a:off x="838199" y="827690"/>
            <a:ext cx="4971402" cy="1648421"/>
          </a:xfrm>
        </p:spPr>
        <p:txBody>
          <a:bodyPr anchor="b">
            <a:noAutofit/>
          </a:bodyPr>
          <a:lstStyle>
            <a:lvl1pPr algn="l">
              <a:defRPr sz="4400">
                <a:solidFill>
                  <a:schemeClr val="tx1"/>
                </a:solidFill>
                <a:latin typeface="Aptos" panose="020B0004020202020204" pitchFamily="34" charset="0"/>
              </a:defRPr>
            </a:lvl1pPr>
          </a:lstStyle>
          <a:p>
            <a:r>
              <a:rPr lang="nb-NO" dirty="0"/>
              <a:t>Klikk for å redigere tittel</a:t>
            </a:r>
          </a:p>
        </p:txBody>
      </p:sp>
      <p:sp>
        <p:nvSpPr>
          <p:cNvPr id="3" name="Undertittel 2">
            <a:extLst>
              <a:ext uri="{FF2B5EF4-FFF2-40B4-BE49-F238E27FC236}">
                <a16:creationId xmlns:a16="http://schemas.microsoft.com/office/drawing/2014/main" id="{6C16562C-6679-120E-9543-2FB6648D17D1}"/>
              </a:ext>
            </a:extLst>
          </p:cNvPr>
          <p:cNvSpPr>
            <a:spLocks noGrp="1"/>
          </p:cNvSpPr>
          <p:nvPr>
            <p:ph type="subTitle" idx="1" hasCustomPrompt="1"/>
          </p:nvPr>
        </p:nvSpPr>
        <p:spPr>
          <a:xfrm>
            <a:off x="838199" y="2620149"/>
            <a:ext cx="4971402" cy="3419792"/>
          </a:xfrm>
        </p:spPr>
        <p:txBody>
          <a:bodyPr>
            <a:noAutofit/>
          </a:bodyPr>
          <a:lstStyle>
            <a:lvl1pPr marL="0" indent="0" algn="l">
              <a:buNone/>
              <a:defRPr sz="2000">
                <a:solidFill>
                  <a:schemeClr val="tx1"/>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her for å redigere undertittel</a:t>
            </a:r>
          </a:p>
        </p:txBody>
      </p:sp>
      <p:pic>
        <p:nvPicPr>
          <p:cNvPr id="4" name="Bilde 3">
            <a:extLst>
              <a:ext uri="{FF2B5EF4-FFF2-40B4-BE49-F238E27FC236}">
                <a16:creationId xmlns:a16="http://schemas.microsoft.com/office/drawing/2014/main" id="{DCFC6F05-CC25-3847-DE7E-E810DF531BF6}"/>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7" name="Plassholder for bilde 9">
            <a:extLst>
              <a:ext uri="{FF2B5EF4-FFF2-40B4-BE49-F238E27FC236}">
                <a16:creationId xmlns:a16="http://schemas.microsoft.com/office/drawing/2014/main" id="{D2F217D4-8B90-9CD5-3D8D-40CACBBD69C6}"/>
              </a:ext>
            </a:extLst>
          </p:cNvPr>
          <p:cNvSpPr>
            <a:spLocks noGrp="1"/>
          </p:cNvSpPr>
          <p:nvPr>
            <p:ph type="pic" sz="quarter" idx="14" hasCustomPrompt="1"/>
          </p:nvPr>
        </p:nvSpPr>
        <p:spPr>
          <a:xfrm>
            <a:off x="6139543" y="827690"/>
            <a:ext cx="5212251" cy="5212251"/>
          </a:xfrm>
          <a:custGeom>
            <a:avLst/>
            <a:gdLst>
              <a:gd name="connsiteX0" fmla="*/ 1115078 w 4971402"/>
              <a:gd name="connsiteY0" fmla="*/ 0 h 4971402"/>
              <a:gd name="connsiteX1" fmla="*/ 4758012 w 4971402"/>
              <a:gd name="connsiteY1" fmla="*/ 0 h 4971402"/>
              <a:gd name="connsiteX2" fmla="*/ 4971402 w 4971402"/>
              <a:gd name="connsiteY2" fmla="*/ 213390 h 4971402"/>
              <a:gd name="connsiteX3" fmla="*/ 4971402 w 4971402"/>
              <a:gd name="connsiteY3" fmla="*/ 4758012 h 4971402"/>
              <a:gd name="connsiteX4" fmla="*/ 4758012 w 4971402"/>
              <a:gd name="connsiteY4" fmla="*/ 4971402 h 4971402"/>
              <a:gd name="connsiteX5" fmla="*/ 2201951 w 4971402"/>
              <a:gd name="connsiteY5" fmla="*/ 4971402 h 4971402"/>
              <a:gd name="connsiteX6" fmla="*/ 1988561 w 4971402"/>
              <a:gd name="connsiteY6" fmla="*/ 4758012 h 4971402"/>
              <a:gd name="connsiteX7" fmla="*/ 1988561 w 4971402"/>
              <a:gd name="connsiteY7" fmla="*/ 4084669 h 4971402"/>
              <a:gd name="connsiteX8" fmla="*/ 1592194 w 4971402"/>
              <a:gd name="connsiteY8" fmla="*/ 3974863 h 4971402"/>
              <a:gd name="connsiteX9" fmla="*/ 1056461 w 4971402"/>
              <a:gd name="connsiteY9" fmla="*/ 4867768 h 4971402"/>
              <a:gd name="connsiteX10" fmla="*/ 873483 w 4971402"/>
              <a:gd name="connsiteY10" fmla="*/ 4971352 h 4971402"/>
              <a:gd name="connsiteX11" fmla="*/ 213390 w 4971402"/>
              <a:gd name="connsiteY11" fmla="*/ 4971352 h 4971402"/>
              <a:gd name="connsiteX12" fmla="*/ 0 w 4971402"/>
              <a:gd name="connsiteY12" fmla="*/ 4757962 h 4971402"/>
              <a:gd name="connsiteX13" fmla="*/ 0 w 4971402"/>
              <a:gd name="connsiteY13" fmla="*/ 1716253 h 4971402"/>
              <a:gd name="connsiteX14" fmla="*/ 30413 w 4971402"/>
              <a:gd name="connsiteY14" fmla="*/ 1606446 h 4971402"/>
              <a:gd name="connsiteX15" fmla="*/ 932100 w 4971402"/>
              <a:gd name="connsiteY15" fmla="*/ 103583 h 4971402"/>
              <a:gd name="connsiteX16" fmla="*/ 1115078 w 4971402"/>
              <a:gd name="connsiteY16" fmla="*/ 0 h 4971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971402" h="4971402">
                <a:moveTo>
                  <a:pt x="1115078" y="0"/>
                </a:moveTo>
                <a:lnTo>
                  <a:pt x="4758012" y="0"/>
                </a:lnTo>
                <a:cubicBezTo>
                  <a:pt x="4875848" y="0"/>
                  <a:pt x="4971402" y="95554"/>
                  <a:pt x="4971402" y="213390"/>
                </a:cubicBezTo>
                <a:lnTo>
                  <a:pt x="4971402" y="4758012"/>
                </a:lnTo>
                <a:cubicBezTo>
                  <a:pt x="4971402" y="4875848"/>
                  <a:pt x="4875848" y="4971402"/>
                  <a:pt x="4758012" y="4971402"/>
                </a:cubicBezTo>
                <a:lnTo>
                  <a:pt x="2201951" y="4971402"/>
                </a:lnTo>
                <a:cubicBezTo>
                  <a:pt x="2084114" y="4971402"/>
                  <a:pt x="1988561" y="4875848"/>
                  <a:pt x="1988561" y="4758012"/>
                </a:cubicBezTo>
                <a:lnTo>
                  <a:pt x="1988561" y="4084669"/>
                </a:lnTo>
                <a:cubicBezTo>
                  <a:pt x="1988561" y="3868268"/>
                  <a:pt x="1703556" y="3789276"/>
                  <a:pt x="1592194" y="3974863"/>
                </a:cubicBezTo>
                <a:lnTo>
                  <a:pt x="1056461" y="4867768"/>
                </a:lnTo>
                <a:cubicBezTo>
                  <a:pt x="1017918" y="4932056"/>
                  <a:pt x="948461" y="4971352"/>
                  <a:pt x="873483" y="4971352"/>
                </a:cubicBezTo>
                <a:lnTo>
                  <a:pt x="213390" y="4971352"/>
                </a:lnTo>
                <a:cubicBezTo>
                  <a:pt x="95554" y="4971352"/>
                  <a:pt x="0" y="4875798"/>
                  <a:pt x="0" y="4757962"/>
                </a:cubicBezTo>
                <a:lnTo>
                  <a:pt x="0" y="1716253"/>
                </a:lnTo>
                <a:cubicBezTo>
                  <a:pt x="0" y="1677559"/>
                  <a:pt x="10489" y="1639619"/>
                  <a:pt x="30413" y="1606446"/>
                </a:cubicBezTo>
                <a:lnTo>
                  <a:pt x="932100" y="103583"/>
                </a:lnTo>
                <a:cubicBezTo>
                  <a:pt x="970693" y="39346"/>
                  <a:pt x="1040150" y="0"/>
                  <a:pt x="1115078" y="0"/>
                </a:cubicBezTo>
                <a:close/>
              </a:path>
            </a:pathLst>
          </a:custGeom>
        </p:spPr>
        <p:txBody>
          <a:bodyPr wrap="square" anchor="ctr">
            <a:noAutofit/>
          </a:bodyPr>
          <a:lstStyle>
            <a:lvl1pPr marL="0" indent="0" algn="ctr">
              <a:buNone/>
              <a:defRPr>
                <a:solidFill>
                  <a:schemeClr val="tx1"/>
                </a:solidFill>
                <a:latin typeface="Aptos" panose="020B0004020202020204" pitchFamily="34" charset="0"/>
              </a:defRPr>
            </a:lvl1pPr>
          </a:lstStyle>
          <a:p>
            <a:r>
              <a:rPr lang="nb-NO" dirty="0"/>
              <a:t>Klikk på ikonet for å legge til et bilde</a:t>
            </a:r>
          </a:p>
          <a:p>
            <a:endParaRPr lang="nb-NO" dirty="0"/>
          </a:p>
          <a:p>
            <a:endParaRPr lang="nb-NO" dirty="0"/>
          </a:p>
        </p:txBody>
      </p:sp>
      <p:pic>
        <p:nvPicPr>
          <p:cNvPr id="5" name="Bilde 2">
            <a:extLst>
              <a:ext uri="{FF2B5EF4-FFF2-40B4-BE49-F238E27FC236}">
                <a16:creationId xmlns:a16="http://schemas.microsoft.com/office/drawing/2014/main" id="{2FBAF1F3-A257-F85C-649A-1341886E410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1319939747"/>
      </p:ext>
    </p:extLst>
  </p:cSld>
  <p:clrMapOvr>
    <a:overrideClrMapping bg1="lt1" tx1="dk1" bg2="lt2" tx2="dk2" accent1="accent1" accent2="accent2" accent3="accent3" accent4="accent4" accent5="accent5" accent6="accent6" hlink="hlink" folHlink="folHlink"/>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1 Tekst">
    <p:spTree>
      <p:nvGrpSpPr>
        <p:cNvPr id="1" name=""/>
        <p:cNvGrpSpPr/>
        <p:nvPr/>
      </p:nvGrpSpPr>
      <p:grpSpPr>
        <a:xfrm>
          <a:off x="0" y="0"/>
          <a:ext cx="0" cy="0"/>
          <a:chOff x="0" y="0"/>
          <a:chExt cx="0" cy="0"/>
        </a:xfrm>
      </p:grpSpPr>
      <p:sp>
        <p:nvSpPr>
          <p:cNvPr id="3" name="Plassholder for innhold 2">
            <a:extLst>
              <a:ext uri="{FF2B5EF4-FFF2-40B4-BE49-F238E27FC236}">
                <a16:creationId xmlns:a16="http://schemas.microsoft.com/office/drawing/2014/main" id="{DA068950-0913-7A99-7DBF-9B59DC6D1B9D}"/>
              </a:ext>
            </a:extLst>
          </p:cNvPr>
          <p:cNvSpPr>
            <a:spLocks noGrp="1"/>
          </p:cNvSpPr>
          <p:nvPr>
            <p:ph idx="1" hasCustomPrompt="1"/>
          </p:nvPr>
        </p:nvSpPr>
        <p:spPr>
          <a:xfrm>
            <a:off x="838200" y="1440000"/>
            <a:ext cx="10515600" cy="4606078"/>
          </a:xfrm>
        </p:spPr>
        <p:txBody>
          <a:bodyPr anchor="t">
            <a:noAutofit/>
          </a:bodyPr>
          <a:lstStyle>
            <a:lvl1pPr marL="342900" indent="-342900">
              <a:buFont typeface="Arial" panose="020B0604020202020204" pitchFamily="34" charset="0"/>
              <a:buChar char="•"/>
              <a:defRPr>
                <a:solidFill>
                  <a:schemeClr val="tx1"/>
                </a:solidFill>
                <a:latin typeface="Aptos" panose="020B0004020202020204" pitchFamily="34" charset="0"/>
              </a:defRPr>
            </a:lvl1pPr>
            <a:lvl2pPr>
              <a:defRPr>
                <a:solidFill>
                  <a:schemeClr val="tx1"/>
                </a:solidFill>
                <a:latin typeface="Aptos" panose="020B0004020202020204" pitchFamily="34" charset="0"/>
              </a:defRPr>
            </a:lvl2pPr>
            <a:lvl3pPr>
              <a:defRPr>
                <a:solidFill>
                  <a:schemeClr val="tx1"/>
                </a:solidFill>
                <a:latin typeface="Aptos" panose="020B0004020202020204" pitchFamily="34" charset="0"/>
              </a:defRPr>
            </a:lvl3pPr>
            <a:lvl4pPr>
              <a:defRPr>
                <a:solidFill>
                  <a:schemeClr val="tx1"/>
                </a:solidFill>
                <a:latin typeface="Aptos" panose="020B0004020202020204" pitchFamily="34" charset="0"/>
              </a:defRPr>
            </a:lvl4pPr>
            <a:lvl5pPr>
              <a:defRPr>
                <a:solidFill>
                  <a:schemeClr val="tx1"/>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pic>
        <p:nvPicPr>
          <p:cNvPr id="4" name="Bilde 3">
            <a:extLst>
              <a:ext uri="{FF2B5EF4-FFF2-40B4-BE49-F238E27FC236}">
                <a16:creationId xmlns:a16="http://schemas.microsoft.com/office/drawing/2014/main" id="{5764516E-1D78-40C4-7AF8-F3A34FDF1054}"/>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7" name="Tittel 1">
            <a:extLst>
              <a:ext uri="{FF2B5EF4-FFF2-40B4-BE49-F238E27FC236}">
                <a16:creationId xmlns:a16="http://schemas.microsoft.com/office/drawing/2014/main" id="{E62D2E84-2EE0-2425-2083-C2BA543CE05F}"/>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pic>
        <p:nvPicPr>
          <p:cNvPr id="2" name="Bilde 2">
            <a:extLst>
              <a:ext uri="{FF2B5EF4-FFF2-40B4-BE49-F238E27FC236}">
                <a16:creationId xmlns:a16="http://schemas.microsoft.com/office/drawing/2014/main" id="{F1380A61-0CE8-CFBF-56FD-601A70C4148D}"/>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2036226262"/>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2 Tekster">
    <p:spTree>
      <p:nvGrpSpPr>
        <p:cNvPr id="1" name=""/>
        <p:cNvGrpSpPr/>
        <p:nvPr/>
      </p:nvGrpSpPr>
      <p:grpSpPr>
        <a:xfrm>
          <a:off x="0" y="0"/>
          <a:ext cx="0" cy="0"/>
          <a:chOff x="0" y="0"/>
          <a:chExt cx="0" cy="0"/>
        </a:xfrm>
      </p:grpSpPr>
      <p:sp>
        <p:nvSpPr>
          <p:cNvPr id="3" name="Plassholder for innhold 2">
            <a:extLst>
              <a:ext uri="{FF2B5EF4-FFF2-40B4-BE49-F238E27FC236}">
                <a16:creationId xmlns:a16="http://schemas.microsoft.com/office/drawing/2014/main" id="{345AB583-F51C-0E51-DBB0-B36D421888CC}"/>
              </a:ext>
            </a:extLst>
          </p:cNvPr>
          <p:cNvSpPr>
            <a:spLocks noGrp="1"/>
          </p:cNvSpPr>
          <p:nvPr>
            <p:ph sz="half" idx="1" hasCustomPrompt="1"/>
          </p:nvPr>
        </p:nvSpPr>
        <p:spPr>
          <a:xfrm>
            <a:off x="838200" y="1440000"/>
            <a:ext cx="5181600" cy="4608000"/>
          </a:xfrm>
        </p:spPr>
        <p:txBody>
          <a:bodyPr anchor="t">
            <a:noAutofit/>
          </a:bodyPr>
          <a:lstStyle>
            <a:lvl1pPr marL="342900" indent="-342900">
              <a:buFont typeface="Arial" panose="020B0604020202020204" pitchFamily="34" charset="0"/>
              <a:buChar char="•"/>
              <a:defRPr>
                <a:solidFill>
                  <a:schemeClr val="tx1"/>
                </a:solidFill>
                <a:latin typeface="Aptos" panose="020B0004020202020204" pitchFamily="34" charset="0"/>
              </a:defRPr>
            </a:lvl1pPr>
            <a:lvl2pPr>
              <a:defRPr>
                <a:solidFill>
                  <a:schemeClr val="tx1"/>
                </a:solidFill>
                <a:latin typeface="Aptos" panose="020B0004020202020204" pitchFamily="34" charset="0"/>
              </a:defRPr>
            </a:lvl2pPr>
            <a:lvl3pPr>
              <a:defRPr>
                <a:solidFill>
                  <a:schemeClr val="tx1"/>
                </a:solidFill>
                <a:latin typeface="Aptos" panose="020B0004020202020204" pitchFamily="34" charset="0"/>
              </a:defRPr>
            </a:lvl3pPr>
            <a:lvl4pPr>
              <a:defRPr>
                <a:solidFill>
                  <a:schemeClr val="tx1"/>
                </a:solidFill>
                <a:latin typeface="Aptos" panose="020B0004020202020204" pitchFamily="34" charset="0"/>
              </a:defRPr>
            </a:lvl4pPr>
            <a:lvl5pPr>
              <a:defRPr>
                <a:solidFill>
                  <a:schemeClr val="tx1"/>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sp>
        <p:nvSpPr>
          <p:cNvPr id="4" name="Plassholder for innhold 3">
            <a:extLst>
              <a:ext uri="{FF2B5EF4-FFF2-40B4-BE49-F238E27FC236}">
                <a16:creationId xmlns:a16="http://schemas.microsoft.com/office/drawing/2014/main" id="{92ACDFFE-3ED9-C522-5AB0-FCEDCB2ABD9B}"/>
              </a:ext>
            </a:extLst>
          </p:cNvPr>
          <p:cNvSpPr>
            <a:spLocks noGrp="1"/>
          </p:cNvSpPr>
          <p:nvPr>
            <p:ph sz="half" idx="2" hasCustomPrompt="1"/>
          </p:nvPr>
        </p:nvSpPr>
        <p:spPr>
          <a:xfrm>
            <a:off x="6172202" y="1439999"/>
            <a:ext cx="5181600" cy="4608000"/>
          </a:xfrm>
        </p:spPr>
        <p:txBody>
          <a:bodyPr anchor="t">
            <a:noAutofit/>
          </a:bodyPr>
          <a:lstStyle>
            <a:lvl1pPr marL="342900" indent="-342900">
              <a:buFont typeface="Arial" panose="020B0604020202020204" pitchFamily="34" charset="0"/>
              <a:buChar char="•"/>
              <a:defRPr>
                <a:solidFill>
                  <a:schemeClr val="tx1"/>
                </a:solidFill>
                <a:latin typeface="Aptos" panose="020B0004020202020204" pitchFamily="34" charset="0"/>
              </a:defRPr>
            </a:lvl1pPr>
            <a:lvl2pPr>
              <a:defRPr>
                <a:solidFill>
                  <a:schemeClr val="tx1"/>
                </a:solidFill>
                <a:latin typeface="Aptos" panose="020B0004020202020204" pitchFamily="34" charset="0"/>
              </a:defRPr>
            </a:lvl2pPr>
            <a:lvl3pPr>
              <a:defRPr>
                <a:solidFill>
                  <a:schemeClr val="tx1"/>
                </a:solidFill>
                <a:latin typeface="Aptos" panose="020B0004020202020204" pitchFamily="34" charset="0"/>
              </a:defRPr>
            </a:lvl3pPr>
            <a:lvl4pPr>
              <a:defRPr>
                <a:solidFill>
                  <a:schemeClr val="tx1"/>
                </a:solidFill>
                <a:latin typeface="Aptos" panose="020B0004020202020204" pitchFamily="34" charset="0"/>
              </a:defRPr>
            </a:lvl4pPr>
            <a:lvl5pPr>
              <a:defRPr>
                <a:solidFill>
                  <a:schemeClr val="tx1"/>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pic>
        <p:nvPicPr>
          <p:cNvPr id="5" name="Bilde 4">
            <a:extLst>
              <a:ext uri="{FF2B5EF4-FFF2-40B4-BE49-F238E27FC236}">
                <a16:creationId xmlns:a16="http://schemas.microsoft.com/office/drawing/2014/main" id="{AD6CB6D7-5FB2-7F4D-F7DF-5195995C97F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7" name="Tittel 1">
            <a:extLst>
              <a:ext uri="{FF2B5EF4-FFF2-40B4-BE49-F238E27FC236}">
                <a16:creationId xmlns:a16="http://schemas.microsoft.com/office/drawing/2014/main" id="{EF9407F4-8CF5-7104-6DC5-AEBB2C85327B}"/>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pic>
        <p:nvPicPr>
          <p:cNvPr id="6" name="Bilde 2">
            <a:extLst>
              <a:ext uri="{FF2B5EF4-FFF2-40B4-BE49-F238E27FC236}">
                <a16:creationId xmlns:a16="http://schemas.microsoft.com/office/drawing/2014/main" id="{267E35AD-03D2-1CEB-AEFC-2CB800020BA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2291809163"/>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3 Tekster">
    <p:spTree>
      <p:nvGrpSpPr>
        <p:cNvPr id="1" name=""/>
        <p:cNvGrpSpPr/>
        <p:nvPr/>
      </p:nvGrpSpPr>
      <p:grpSpPr>
        <a:xfrm>
          <a:off x="0" y="0"/>
          <a:ext cx="0" cy="0"/>
          <a:chOff x="0" y="0"/>
          <a:chExt cx="0" cy="0"/>
        </a:xfrm>
      </p:grpSpPr>
      <p:sp>
        <p:nvSpPr>
          <p:cNvPr id="3" name="Plassholder for tekst 2">
            <a:extLst>
              <a:ext uri="{FF2B5EF4-FFF2-40B4-BE49-F238E27FC236}">
                <a16:creationId xmlns:a16="http://schemas.microsoft.com/office/drawing/2014/main" id="{86E2B3C6-9D86-9A92-BE07-9365AEC0262F}"/>
              </a:ext>
            </a:extLst>
          </p:cNvPr>
          <p:cNvSpPr>
            <a:spLocks noGrp="1"/>
          </p:cNvSpPr>
          <p:nvPr>
            <p:ph type="body" idx="1" hasCustomPrompt="1"/>
          </p:nvPr>
        </p:nvSpPr>
        <p:spPr>
          <a:xfrm>
            <a:off x="839788" y="1439999"/>
            <a:ext cx="3380399" cy="720000"/>
          </a:xfrm>
        </p:spPr>
        <p:txBody>
          <a:bodyPr tIns="0" bIns="0" anchor="b">
            <a:noAutofit/>
          </a:bodyPr>
          <a:lstStyle>
            <a:lvl1pPr marL="0" indent="0">
              <a:spcBef>
                <a:spcPts val="0"/>
              </a:spcBef>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4" name="Plassholder for innhold 3">
            <a:extLst>
              <a:ext uri="{FF2B5EF4-FFF2-40B4-BE49-F238E27FC236}">
                <a16:creationId xmlns:a16="http://schemas.microsoft.com/office/drawing/2014/main" id="{4584D2C2-3047-F5B1-9469-B34CB1CAA8DF}"/>
              </a:ext>
            </a:extLst>
          </p:cNvPr>
          <p:cNvSpPr>
            <a:spLocks noGrp="1"/>
          </p:cNvSpPr>
          <p:nvPr>
            <p:ph sz="half" idx="2" hasCustomPrompt="1"/>
          </p:nvPr>
        </p:nvSpPr>
        <p:spPr>
          <a:xfrm>
            <a:off x="839789" y="2268000"/>
            <a:ext cx="3380400" cy="3780000"/>
          </a:xfrm>
        </p:spPr>
        <p:txBody>
          <a:bodyPr>
            <a:noAutofit/>
          </a:bodyPr>
          <a:lstStyle>
            <a:lvl1pPr marL="0" indent="0">
              <a:buFont typeface="Arial" panose="020B0604020202020204" pitchFamily="34" charset="0"/>
              <a:buNone/>
              <a:defRPr sz="16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1" name="Plassholder for tekst 2">
            <a:extLst>
              <a:ext uri="{FF2B5EF4-FFF2-40B4-BE49-F238E27FC236}">
                <a16:creationId xmlns:a16="http://schemas.microsoft.com/office/drawing/2014/main" id="{8806DBB1-6ECB-FA4F-2F8C-E3BD25F9AC56}"/>
              </a:ext>
            </a:extLst>
          </p:cNvPr>
          <p:cNvSpPr>
            <a:spLocks noGrp="1"/>
          </p:cNvSpPr>
          <p:nvPr>
            <p:ph type="body" idx="13" hasCustomPrompt="1"/>
          </p:nvPr>
        </p:nvSpPr>
        <p:spPr>
          <a:xfrm>
            <a:off x="4405799" y="1439999"/>
            <a:ext cx="3380399" cy="720000"/>
          </a:xfrm>
        </p:spPr>
        <p:txBody>
          <a:bodyPr tIns="0" bIns="0" anchor="b">
            <a:noAutofit/>
          </a:bodyPr>
          <a:lstStyle>
            <a:lvl1pPr marL="0" indent="0">
              <a:spcBef>
                <a:spcPts val="0"/>
              </a:spcBef>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2" name="Plassholder for innhold 3">
            <a:extLst>
              <a:ext uri="{FF2B5EF4-FFF2-40B4-BE49-F238E27FC236}">
                <a16:creationId xmlns:a16="http://schemas.microsoft.com/office/drawing/2014/main" id="{03BCF634-F098-4E9B-362B-BEC149EF681E}"/>
              </a:ext>
            </a:extLst>
          </p:cNvPr>
          <p:cNvSpPr>
            <a:spLocks noGrp="1"/>
          </p:cNvSpPr>
          <p:nvPr>
            <p:ph sz="half" idx="14" hasCustomPrompt="1"/>
          </p:nvPr>
        </p:nvSpPr>
        <p:spPr>
          <a:xfrm>
            <a:off x="4405800" y="2268000"/>
            <a:ext cx="3380400" cy="3780000"/>
          </a:xfrm>
        </p:spPr>
        <p:txBody>
          <a:bodyPr>
            <a:noAutofit/>
          </a:bodyPr>
          <a:lstStyle>
            <a:lvl1pPr marL="0" indent="0">
              <a:buFont typeface="Arial" panose="020B0604020202020204" pitchFamily="34" charset="0"/>
              <a:buNone/>
              <a:defRPr sz="16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3" name="Plassholder for tekst 2">
            <a:extLst>
              <a:ext uri="{FF2B5EF4-FFF2-40B4-BE49-F238E27FC236}">
                <a16:creationId xmlns:a16="http://schemas.microsoft.com/office/drawing/2014/main" id="{B139A698-8B82-D193-CA9B-8A244B209AF3}"/>
              </a:ext>
            </a:extLst>
          </p:cNvPr>
          <p:cNvSpPr>
            <a:spLocks noGrp="1"/>
          </p:cNvSpPr>
          <p:nvPr>
            <p:ph type="body" idx="15" hasCustomPrompt="1"/>
          </p:nvPr>
        </p:nvSpPr>
        <p:spPr>
          <a:xfrm>
            <a:off x="7971810" y="1439999"/>
            <a:ext cx="3380403" cy="720000"/>
          </a:xfrm>
        </p:spPr>
        <p:txBody>
          <a:bodyPr tIns="0" bIns="0" anchor="b">
            <a:noAutofit/>
          </a:bodyPr>
          <a:lstStyle>
            <a:lvl1pPr marL="0" indent="0">
              <a:spcBef>
                <a:spcPts val="0"/>
              </a:spcBef>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4" name="Plassholder for innhold 3">
            <a:extLst>
              <a:ext uri="{FF2B5EF4-FFF2-40B4-BE49-F238E27FC236}">
                <a16:creationId xmlns:a16="http://schemas.microsoft.com/office/drawing/2014/main" id="{ACFE2AC3-F6C8-83B5-11BA-7BC0E59E0F94}"/>
              </a:ext>
            </a:extLst>
          </p:cNvPr>
          <p:cNvSpPr>
            <a:spLocks noGrp="1"/>
          </p:cNvSpPr>
          <p:nvPr>
            <p:ph sz="half" idx="16" hasCustomPrompt="1"/>
          </p:nvPr>
        </p:nvSpPr>
        <p:spPr>
          <a:xfrm>
            <a:off x="7971811" y="2269050"/>
            <a:ext cx="3380400" cy="3780000"/>
          </a:xfrm>
        </p:spPr>
        <p:txBody>
          <a:bodyPr>
            <a:noAutofit/>
          </a:bodyPr>
          <a:lstStyle>
            <a:lvl1pPr marL="0" indent="0">
              <a:buFont typeface="Arial" panose="020B0604020202020204" pitchFamily="34" charset="0"/>
              <a:buNone/>
              <a:defRPr sz="16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17" name="Tittel 1">
            <a:extLst>
              <a:ext uri="{FF2B5EF4-FFF2-40B4-BE49-F238E27FC236}">
                <a16:creationId xmlns:a16="http://schemas.microsoft.com/office/drawing/2014/main" id="{EA38931D-06A2-48E6-C97B-2E88EEC47DBC}"/>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pic>
        <p:nvPicPr>
          <p:cNvPr id="5" name="Bilde 2">
            <a:extLst>
              <a:ext uri="{FF2B5EF4-FFF2-40B4-BE49-F238E27FC236}">
                <a16:creationId xmlns:a16="http://schemas.microsoft.com/office/drawing/2014/main" id="{DC512A4F-1AB1-B357-9A3F-D307D405507E}"/>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66447659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orside 4">
    <p:spTree>
      <p:nvGrpSpPr>
        <p:cNvPr id="1" name=""/>
        <p:cNvGrpSpPr/>
        <p:nvPr/>
      </p:nvGrpSpPr>
      <p:grpSpPr>
        <a:xfrm>
          <a:off x="0" y="0"/>
          <a:ext cx="0" cy="0"/>
          <a:chOff x="0" y="0"/>
          <a:chExt cx="0" cy="0"/>
        </a:xfrm>
      </p:grpSpPr>
      <p:sp>
        <p:nvSpPr>
          <p:cNvPr id="4" name="Tittel 1">
            <a:extLst>
              <a:ext uri="{FF2B5EF4-FFF2-40B4-BE49-F238E27FC236}">
                <a16:creationId xmlns:a16="http://schemas.microsoft.com/office/drawing/2014/main" id="{70B16244-B73E-C20D-887F-CDF4D49D264A}"/>
              </a:ext>
            </a:extLst>
          </p:cNvPr>
          <p:cNvSpPr>
            <a:spLocks noGrp="1"/>
          </p:cNvSpPr>
          <p:nvPr>
            <p:ph type="title" hasCustomPrompt="1"/>
          </p:nvPr>
        </p:nvSpPr>
        <p:spPr>
          <a:xfrm>
            <a:off x="838199" y="2729878"/>
            <a:ext cx="10477501" cy="2278517"/>
          </a:xfrm>
        </p:spPr>
        <p:txBody>
          <a:bodyPr anchor="b">
            <a:noAutofit/>
          </a:bodyPr>
          <a:lstStyle>
            <a:lvl1pPr algn="l">
              <a:defRPr sz="5400">
                <a:solidFill>
                  <a:schemeClr val="bg2"/>
                </a:solidFill>
                <a:latin typeface="Aptos" panose="020B0004020202020204" pitchFamily="34" charset="0"/>
              </a:defRPr>
            </a:lvl1pPr>
          </a:lstStyle>
          <a:p>
            <a:r>
              <a:rPr lang="nb-NO" dirty="0"/>
              <a:t>Klikk for å redigere tittel</a:t>
            </a:r>
          </a:p>
        </p:txBody>
      </p:sp>
      <p:pic>
        <p:nvPicPr>
          <p:cNvPr id="5" name="Bilde 4">
            <a:extLst>
              <a:ext uri="{FF2B5EF4-FFF2-40B4-BE49-F238E27FC236}">
                <a16:creationId xmlns:a16="http://schemas.microsoft.com/office/drawing/2014/main" id="{3D305D02-7876-3935-B22C-1F2C4015931F}"/>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7" name="Bilde 6">
            <a:extLst>
              <a:ext uri="{FF2B5EF4-FFF2-40B4-BE49-F238E27FC236}">
                <a16:creationId xmlns:a16="http://schemas.microsoft.com/office/drawing/2014/main" id="{A72C9EB6-E53C-1234-B29C-92651FD1E5A0}"/>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8" name="Undertittel 2">
            <a:extLst>
              <a:ext uri="{FF2B5EF4-FFF2-40B4-BE49-F238E27FC236}">
                <a16:creationId xmlns:a16="http://schemas.microsoft.com/office/drawing/2014/main" id="{38187517-7754-0327-D71B-F760BA70326E}"/>
              </a:ext>
            </a:extLst>
          </p:cNvPr>
          <p:cNvSpPr>
            <a:spLocks noGrp="1"/>
          </p:cNvSpPr>
          <p:nvPr>
            <p:ph type="subTitle" idx="1" hasCustomPrompt="1"/>
          </p:nvPr>
        </p:nvSpPr>
        <p:spPr>
          <a:xfrm>
            <a:off x="838199" y="5123507"/>
            <a:ext cx="10477500" cy="918000"/>
          </a:xfrm>
        </p:spPr>
        <p:txBody>
          <a:bodyPr>
            <a:noAutofit/>
          </a:bodyPr>
          <a:lstStyle>
            <a:lvl1pPr marL="0" indent="0" algn="l">
              <a:buNone/>
              <a:defRPr sz="2000">
                <a:solidFill>
                  <a:schemeClr val="bg2"/>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her for å redigere undertittel</a:t>
            </a:r>
          </a:p>
        </p:txBody>
      </p:sp>
    </p:spTree>
    <p:extLst>
      <p:ext uri="{BB962C8B-B14F-4D97-AF65-F5344CB8AC3E}">
        <p14:creationId xmlns:p14="http://schemas.microsoft.com/office/powerpoint/2010/main" val="1162070937"/>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4 Tekster">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19" name="Plassholder for innhold 3">
            <a:extLst>
              <a:ext uri="{FF2B5EF4-FFF2-40B4-BE49-F238E27FC236}">
                <a16:creationId xmlns:a16="http://schemas.microsoft.com/office/drawing/2014/main" id="{388CF389-7C8D-EEA1-31B4-55442084B28E}"/>
              </a:ext>
            </a:extLst>
          </p:cNvPr>
          <p:cNvSpPr>
            <a:spLocks noGrp="1"/>
          </p:cNvSpPr>
          <p:nvPr>
            <p:ph sz="half" idx="20" hasCustomPrompt="1"/>
          </p:nvPr>
        </p:nvSpPr>
        <p:spPr>
          <a:xfrm>
            <a:off x="839788" y="2267999"/>
            <a:ext cx="2494309" cy="3780000"/>
          </a:xfrm>
        </p:spPr>
        <p:txBody>
          <a:bodyPr>
            <a:noAutofit/>
          </a:bodyPr>
          <a:lstStyle>
            <a:lvl1pPr marL="0" indent="0">
              <a:buFont typeface="Arial" panose="020B0604020202020204" pitchFamily="34" charset="0"/>
              <a:buNone/>
              <a:defRPr sz="16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23" name="Plassholder for innhold 3">
            <a:extLst>
              <a:ext uri="{FF2B5EF4-FFF2-40B4-BE49-F238E27FC236}">
                <a16:creationId xmlns:a16="http://schemas.microsoft.com/office/drawing/2014/main" id="{CC29C972-1D9B-4B6D-E6BB-52CEDDCD3EF2}"/>
              </a:ext>
            </a:extLst>
          </p:cNvPr>
          <p:cNvSpPr>
            <a:spLocks noGrp="1"/>
          </p:cNvSpPr>
          <p:nvPr>
            <p:ph sz="half" idx="22" hasCustomPrompt="1"/>
          </p:nvPr>
        </p:nvSpPr>
        <p:spPr>
          <a:xfrm>
            <a:off x="3522029" y="2267999"/>
            <a:ext cx="2494308" cy="3780000"/>
          </a:xfrm>
        </p:spPr>
        <p:txBody>
          <a:bodyPr>
            <a:noAutofit/>
          </a:bodyPr>
          <a:lstStyle>
            <a:lvl1pPr marL="0" indent="0">
              <a:buFont typeface="Arial" panose="020B0604020202020204" pitchFamily="34" charset="0"/>
              <a:buNone/>
              <a:defRPr sz="16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27" name="Plassholder for innhold 3">
            <a:extLst>
              <a:ext uri="{FF2B5EF4-FFF2-40B4-BE49-F238E27FC236}">
                <a16:creationId xmlns:a16="http://schemas.microsoft.com/office/drawing/2014/main" id="{F545F5B4-B651-1C86-2C52-4C80415C799C}"/>
              </a:ext>
            </a:extLst>
          </p:cNvPr>
          <p:cNvSpPr>
            <a:spLocks noGrp="1"/>
          </p:cNvSpPr>
          <p:nvPr>
            <p:ph sz="half" idx="24" hasCustomPrompt="1"/>
          </p:nvPr>
        </p:nvSpPr>
        <p:spPr>
          <a:xfrm>
            <a:off x="6204269" y="2267999"/>
            <a:ext cx="2494308" cy="3780000"/>
          </a:xfrm>
        </p:spPr>
        <p:txBody>
          <a:bodyPr>
            <a:noAutofit/>
          </a:bodyPr>
          <a:lstStyle>
            <a:lvl1pPr marL="0" indent="0">
              <a:buFont typeface="Arial" panose="020B0604020202020204" pitchFamily="34" charset="0"/>
              <a:buNone/>
              <a:defRPr sz="16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31" name="Plassholder for innhold 3">
            <a:extLst>
              <a:ext uri="{FF2B5EF4-FFF2-40B4-BE49-F238E27FC236}">
                <a16:creationId xmlns:a16="http://schemas.microsoft.com/office/drawing/2014/main" id="{0A09262D-5892-1BF7-9BD0-E4C6837201DD}"/>
              </a:ext>
            </a:extLst>
          </p:cNvPr>
          <p:cNvSpPr>
            <a:spLocks noGrp="1"/>
          </p:cNvSpPr>
          <p:nvPr>
            <p:ph sz="half" idx="26" hasCustomPrompt="1"/>
          </p:nvPr>
        </p:nvSpPr>
        <p:spPr>
          <a:xfrm>
            <a:off x="8886508" y="2267999"/>
            <a:ext cx="2486486" cy="3780000"/>
          </a:xfrm>
        </p:spPr>
        <p:txBody>
          <a:bodyPr>
            <a:noAutofit/>
          </a:bodyPr>
          <a:lstStyle>
            <a:lvl1pPr marL="0" indent="0">
              <a:buFont typeface="Arial" panose="020B0604020202020204" pitchFamily="34" charset="0"/>
              <a:buNone/>
              <a:defRPr sz="16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 name="Plassholder for tekst 2">
            <a:extLst>
              <a:ext uri="{FF2B5EF4-FFF2-40B4-BE49-F238E27FC236}">
                <a16:creationId xmlns:a16="http://schemas.microsoft.com/office/drawing/2014/main" id="{EB52822C-389B-02B5-77CB-00A2F2A19205}"/>
              </a:ext>
            </a:extLst>
          </p:cNvPr>
          <p:cNvSpPr>
            <a:spLocks noGrp="1"/>
          </p:cNvSpPr>
          <p:nvPr>
            <p:ph type="body" idx="1" hasCustomPrompt="1"/>
          </p:nvPr>
        </p:nvSpPr>
        <p:spPr>
          <a:xfrm>
            <a:off x="839789" y="1439999"/>
            <a:ext cx="2494309" cy="720000"/>
          </a:xfrm>
        </p:spPr>
        <p:txBody>
          <a:bodyPr tIns="0" bIns="0" anchor="b">
            <a:noAutofit/>
          </a:bodyPr>
          <a:lstStyle>
            <a:lvl1pPr marL="0" indent="0">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5" name="Plassholder for tekst 2">
            <a:extLst>
              <a:ext uri="{FF2B5EF4-FFF2-40B4-BE49-F238E27FC236}">
                <a16:creationId xmlns:a16="http://schemas.microsoft.com/office/drawing/2014/main" id="{30575862-313C-06EC-3CFB-8DDF2EAD21EC}"/>
              </a:ext>
            </a:extLst>
          </p:cNvPr>
          <p:cNvSpPr>
            <a:spLocks noGrp="1"/>
          </p:cNvSpPr>
          <p:nvPr>
            <p:ph type="body" idx="27" hasCustomPrompt="1"/>
          </p:nvPr>
        </p:nvSpPr>
        <p:spPr>
          <a:xfrm>
            <a:off x="3519421" y="1439999"/>
            <a:ext cx="2494309" cy="720000"/>
          </a:xfrm>
        </p:spPr>
        <p:txBody>
          <a:bodyPr tIns="0" bIns="0" anchor="b">
            <a:noAutofit/>
          </a:bodyPr>
          <a:lstStyle>
            <a:lvl1pPr marL="0" indent="0">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7" name="Plassholder for tekst 2">
            <a:extLst>
              <a:ext uri="{FF2B5EF4-FFF2-40B4-BE49-F238E27FC236}">
                <a16:creationId xmlns:a16="http://schemas.microsoft.com/office/drawing/2014/main" id="{AED9E499-755F-23D6-61A7-E4EDE1FCCDCA}"/>
              </a:ext>
            </a:extLst>
          </p:cNvPr>
          <p:cNvSpPr>
            <a:spLocks noGrp="1"/>
          </p:cNvSpPr>
          <p:nvPr>
            <p:ph type="body" idx="28" hasCustomPrompt="1"/>
          </p:nvPr>
        </p:nvSpPr>
        <p:spPr>
          <a:xfrm>
            <a:off x="6199053" y="1439999"/>
            <a:ext cx="2494309" cy="720000"/>
          </a:xfrm>
        </p:spPr>
        <p:txBody>
          <a:bodyPr tIns="0" bIns="0" anchor="b">
            <a:noAutofit/>
          </a:bodyPr>
          <a:lstStyle>
            <a:lvl1pPr marL="0" indent="0">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8" name="Plassholder for tekst 2">
            <a:extLst>
              <a:ext uri="{FF2B5EF4-FFF2-40B4-BE49-F238E27FC236}">
                <a16:creationId xmlns:a16="http://schemas.microsoft.com/office/drawing/2014/main" id="{8216A9D3-E544-5C9C-4688-A5922523B96B}"/>
              </a:ext>
            </a:extLst>
          </p:cNvPr>
          <p:cNvSpPr>
            <a:spLocks noGrp="1"/>
          </p:cNvSpPr>
          <p:nvPr>
            <p:ph type="body" idx="29" hasCustomPrompt="1"/>
          </p:nvPr>
        </p:nvSpPr>
        <p:spPr>
          <a:xfrm>
            <a:off x="8878685" y="1439999"/>
            <a:ext cx="2494309" cy="720000"/>
          </a:xfrm>
        </p:spPr>
        <p:txBody>
          <a:bodyPr tIns="0" bIns="0" anchor="b">
            <a:noAutofit/>
          </a:bodyPr>
          <a:lstStyle>
            <a:lvl1pPr marL="0" indent="0">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2" name="Tittel 1">
            <a:extLst>
              <a:ext uri="{FF2B5EF4-FFF2-40B4-BE49-F238E27FC236}">
                <a16:creationId xmlns:a16="http://schemas.microsoft.com/office/drawing/2014/main" id="{E3517D6D-87BB-A9F3-61CB-A995BEDC417F}"/>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pic>
        <p:nvPicPr>
          <p:cNvPr id="3" name="Bilde 2">
            <a:extLst>
              <a:ext uri="{FF2B5EF4-FFF2-40B4-BE49-F238E27FC236}">
                <a16:creationId xmlns:a16="http://schemas.microsoft.com/office/drawing/2014/main" id="{8848B109-EBF5-77AA-5D7D-ACD669DA91AD}"/>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1752851895"/>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1 Tekst og bilde (v1)">
    <p:spTree>
      <p:nvGrpSpPr>
        <p:cNvPr id="1" name=""/>
        <p:cNvGrpSpPr/>
        <p:nvPr/>
      </p:nvGrpSpPr>
      <p:grpSpPr>
        <a:xfrm>
          <a:off x="0" y="0"/>
          <a:ext cx="0" cy="0"/>
          <a:chOff x="0" y="0"/>
          <a:chExt cx="0" cy="0"/>
        </a:xfrm>
      </p:grpSpPr>
      <p:pic>
        <p:nvPicPr>
          <p:cNvPr id="3" name="Bilde 2">
            <a:extLst>
              <a:ext uri="{FF2B5EF4-FFF2-40B4-BE49-F238E27FC236}">
                <a16:creationId xmlns:a16="http://schemas.microsoft.com/office/drawing/2014/main" id="{72D443DA-D27E-17FF-E435-DAB163107B79}"/>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 name="Plassholder for bilde 9">
            <a:extLst>
              <a:ext uri="{FF2B5EF4-FFF2-40B4-BE49-F238E27FC236}">
                <a16:creationId xmlns:a16="http://schemas.microsoft.com/office/drawing/2014/main" id="{3BACA57F-85BE-139F-91B9-37FB736F8B0F}"/>
              </a:ext>
            </a:extLst>
          </p:cNvPr>
          <p:cNvSpPr>
            <a:spLocks noGrp="1"/>
          </p:cNvSpPr>
          <p:nvPr>
            <p:ph type="pic" sz="quarter" idx="13" hasCustomPrompt="1"/>
          </p:nvPr>
        </p:nvSpPr>
        <p:spPr>
          <a:xfrm>
            <a:off x="7195033" y="827313"/>
            <a:ext cx="4159699" cy="5197250"/>
          </a:xfrm>
          <a:custGeom>
            <a:avLst/>
            <a:gdLst>
              <a:gd name="connsiteX0" fmla="*/ 223186 w 4159699"/>
              <a:gd name="connsiteY0" fmla="*/ 0 h 5197250"/>
              <a:gd name="connsiteX1" fmla="*/ 3936513 w 4159699"/>
              <a:gd name="connsiteY1" fmla="*/ 0 h 5197250"/>
              <a:gd name="connsiteX2" fmla="*/ 4159699 w 4159699"/>
              <a:gd name="connsiteY2" fmla="*/ 223111 h 5197250"/>
              <a:gd name="connsiteX3" fmla="*/ 4159699 w 4159699"/>
              <a:gd name="connsiteY3" fmla="*/ 3403438 h 5197250"/>
              <a:gd name="connsiteX4" fmla="*/ 4127890 w 4159699"/>
              <a:gd name="connsiteY4" fmla="*/ 3518246 h 5197250"/>
              <a:gd name="connsiteX5" fmla="*/ 3184809 w 4159699"/>
              <a:gd name="connsiteY5" fmla="*/ 5089572 h 5197250"/>
              <a:gd name="connsiteX6" fmla="*/ 3050748 w 4159699"/>
              <a:gd name="connsiteY6" fmla="*/ 5190404 h 5197250"/>
              <a:gd name="connsiteX7" fmla="*/ 2998219 w 4159699"/>
              <a:gd name="connsiteY7" fmla="*/ 5197250 h 5197250"/>
              <a:gd name="connsiteX8" fmla="*/ 220095 w 4159699"/>
              <a:gd name="connsiteY8" fmla="*/ 5197250 h 5197250"/>
              <a:gd name="connsiteX9" fmla="*/ 136319 w 4159699"/>
              <a:gd name="connsiteY9" fmla="*/ 5180339 h 5197250"/>
              <a:gd name="connsiteX10" fmla="*/ 0 w 4159699"/>
              <a:gd name="connsiteY10" fmla="*/ 4974764 h 5197250"/>
              <a:gd name="connsiteX11" fmla="*/ 0 w 4159699"/>
              <a:gd name="connsiteY11" fmla="*/ 223111 h 5197250"/>
              <a:gd name="connsiteX12" fmla="*/ 223186 w 4159699"/>
              <a:gd name="connsiteY12" fmla="*/ 0 h 5197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59699" h="5197250">
                <a:moveTo>
                  <a:pt x="223186" y="0"/>
                </a:moveTo>
                <a:lnTo>
                  <a:pt x="3936513" y="0"/>
                </a:lnTo>
                <a:cubicBezTo>
                  <a:pt x="4059758" y="0"/>
                  <a:pt x="4159699" y="99907"/>
                  <a:pt x="4159699" y="223111"/>
                </a:cubicBezTo>
                <a:lnTo>
                  <a:pt x="4159699" y="3403438"/>
                </a:lnTo>
                <a:cubicBezTo>
                  <a:pt x="4159699" y="3443894"/>
                  <a:pt x="4148728" y="3483562"/>
                  <a:pt x="4127890" y="3518246"/>
                </a:cubicBezTo>
                <a:lnTo>
                  <a:pt x="3184809" y="5089572"/>
                </a:lnTo>
                <a:cubicBezTo>
                  <a:pt x="3154575" y="5139985"/>
                  <a:pt x="3106153" y="5175698"/>
                  <a:pt x="3050748" y="5190404"/>
                </a:cubicBezTo>
                <a:lnTo>
                  <a:pt x="2998219" y="5197250"/>
                </a:lnTo>
                <a:lnTo>
                  <a:pt x="220095" y="5197250"/>
                </a:lnTo>
                <a:lnTo>
                  <a:pt x="136319" y="5180339"/>
                </a:lnTo>
                <a:cubicBezTo>
                  <a:pt x="56217" y="5146465"/>
                  <a:pt x="0" y="5067167"/>
                  <a:pt x="0" y="4974764"/>
                </a:cubicBezTo>
                <a:lnTo>
                  <a:pt x="0" y="223111"/>
                </a:lnTo>
                <a:cubicBezTo>
                  <a:pt x="0" y="99907"/>
                  <a:pt x="99940" y="0"/>
                  <a:pt x="223186" y="0"/>
                </a:cubicBezTo>
                <a:close/>
              </a:path>
            </a:pathLst>
          </a:custGeom>
        </p:spPr>
        <p:txBody>
          <a:bodyPr wrap="square" anchor="ctr">
            <a:noAutofit/>
          </a:bodyPr>
          <a:lstStyle>
            <a:lvl1pPr marL="0" indent="0" algn="ctr">
              <a:buNone/>
              <a:defRPr>
                <a:solidFill>
                  <a:schemeClr val="tx1"/>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sp>
        <p:nvSpPr>
          <p:cNvPr id="4" name="Tittel 1">
            <a:extLst>
              <a:ext uri="{FF2B5EF4-FFF2-40B4-BE49-F238E27FC236}">
                <a16:creationId xmlns:a16="http://schemas.microsoft.com/office/drawing/2014/main" id="{C594661E-C4FF-10DC-3988-0F0BBC366F17}"/>
              </a:ext>
            </a:extLst>
          </p:cNvPr>
          <p:cNvSpPr>
            <a:spLocks noGrp="1"/>
          </p:cNvSpPr>
          <p:nvPr>
            <p:ph type="title" hasCustomPrompt="1"/>
          </p:nvPr>
        </p:nvSpPr>
        <p:spPr>
          <a:xfrm>
            <a:off x="838200" y="416372"/>
            <a:ext cx="5604555"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sp>
        <p:nvSpPr>
          <p:cNvPr id="5" name="Plassholder for innhold 2">
            <a:extLst>
              <a:ext uri="{FF2B5EF4-FFF2-40B4-BE49-F238E27FC236}">
                <a16:creationId xmlns:a16="http://schemas.microsoft.com/office/drawing/2014/main" id="{23A496AA-F02B-2E10-FD69-1F9ACEF8C1F1}"/>
              </a:ext>
            </a:extLst>
          </p:cNvPr>
          <p:cNvSpPr>
            <a:spLocks noGrp="1"/>
          </p:cNvSpPr>
          <p:nvPr>
            <p:ph sz="half" idx="1" hasCustomPrompt="1"/>
          </p:nvPr>
        </p:nvSpPr>
        <p:spPr>
          <a:xfrm>
            <a:off x="838200" y="1440000"/>
            <a:ext cx="5604554" cy="4608000"/>
          </a:xfrm>
        </p:spPr>
        <p:txBody>
          <a:bodyPr anchor="t">
            <a:noAutofit/>
          </a:bodyPr>
          <a:lstStyle>
            <a:lvl1pPr marL="342900" indent="-342900">
              <a:buFont typeface="Arial" panose="020B0604020202020204" pitchFamily="34" charset="0"/>
              <a:buChar char="•"/>
              <a:defRPr>
                <a:solidFill>
                  <a:schemeClr val="tx1"/>
                </a:solidFill>
                <a:latin typeface="Aptos" panose="020B0004020202020204" pitchFamily="34" charset="0"/>
              </a:defRPr>
            </a:lvl1pPr>
            <a:lvl2pPr>
              <a:defRPr>
                <a:solidFill>
                  <a:schemeClr val="tx1"/>
                </a:solidFill>
                <a:latin typeface="Aptos" panose="020B0004020202020204" pitchFamily="34" charset="0"/>
              </a:defRPr>
            </a:lvl2pPr>
            <a:lvl3pPr>
              <a:defRPr>
                <a:solidFill>
                  <a:schemeClr val="tx1"/>
                </a:solidFill>
                <a:latin typeface="Aptos" panose="020B0004020202020204" pitchFamily="34" charset="0"/>
              </a:defRPr>
            </a:lvl3pPr>
            <a:lvl4pPr>
              <a:defRPr>
                <a:solidFill>
                  <a:schemeClr val="tx1"/>
                </a:solidFill>
                <a:latin typeface="Aptos" panose="020B0004020202020204" pitchFamily="34" charset="0"/>
              </a:defRPr>
            </a:lvl4pPr>
            <a:lvl5pPr>
              <a:defRPr>
                <a:solidFill>
                  <a:schemeClr val="tx1"/>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pic>
        <p:nvPicPr>
          <p:cNvPr id="7" name="Bilde 2">
            <a:extLst>
              <a:ext uri="{FF2B5EF4-FFF2-40B4-BE49-F238E27FC236}">
                <a16:creationId xmlns:a16="http://schemas.microsoft.com/office/drawing/2014/main" id="{D8A765A4-E365-F05E-EE18-48BBE3095D0D}"/>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2153057635"/>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1 Tekst og bilde (v2)">
    <p:spTree>
      <p:nvGrpSpPr>
        <p:cNvPr id="1" name=""/>
        <p:cNvGrpSpPr/>
        <p:nvPr/>
      </p:nvGrpSpPr>
      <p:grpSpPr>
        <a:xfrm>
          <a:off x="0" y="0"/>
          <a:ext cx="0" cy="0"/>
          <a:chOff x="0" y="0"/>
          <a:chExt cx="0" cy="0"/>
        </a:xfrm>
      </p:grpSpPr>
      <p:pic>
        <p:nvPicPr>
          <p:cNvPr id="3" name="Bilde 2">
            <a:extLst>
              <a:ext uri="{FF2B5EF4-FFF2-40B4-BE49-F238E27FC236}">
                <a16:creationId xmlns:a16="http://schemas.microsoft.com/office/drawing/2014/main" id="{1B8BA4A6-5555-23B4-3714-F0D89074140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7" name="Plassholder for bilde 19">
            <a:extLst>
              <a:ext uri="{FF2B5EF4-FFF2-40B4-BE49-F238E27FC236}">
                <a16:creationId xmlns:a16="http://schemas.microsoft.com/office/drawing/2014/main" id="{2EFFD18C-C65F-262E-6381-F5265C5CFA8C}"/>
              </a:ext>
            </a:extLst>
          </p:cNvPr>
          <p:cNvSpPr>
            <a:spLocks noGrp="1"/>
          </p:cNvSpPr>
          <p:nvPr>
            <p:ph type="pic" sz="quarter" idx="13" hasCustomPrompt="1"/>
          </p:nvPr>
        </p:nvSpPr>
        <p:spPr>
          <a:xfrm>
            <a:off x="7193387" y="828676"/>
            <a:ext cx="4161336" cy="5199973"/>
          </a:xfrm>
          <a:custGeom>
            <a:avLst/>
            <a:gdLst>
              <a:gd name="connsiteX0" fmla="*/ 1166726 w 4161336"/>
              <a:gd name="connsiteY0" fmla="*/ 0 h 5199973"/>
              <a:gd name="connsiteX1" fmla="*/ 3938063 w 4161336"/>
              <a:gd name="connsiteY1" fmla="*/ 0 h 5199973"/>
              <a:gd name="connsiteX2" fmla="*/ 4161336 w 4161336"/>
              <a:gd name="connsiteY2" fmla="*/ 223199 h 5199973"/>
              <a:gd name="connsiteX3" fmla="*/ 4161336 w 4161336"/>
              <a:gd name="connsiteY3" fmla="*/ 1671470 h 5199973"/>
              <a:gd name="connsiteX4" fmla="*/ 4129514 w 4161336"/>
              <a:gd name="connsiteY4" fmla="*/ 1786324 h 5199973"/>
              <a:gd name="connsiteX5" fmla="*/ 3323902 w 4161336"/>
              <a:gd name="connsiteY5" fmla="*/ 3128614 h 5199973"/>
              <a:gd name="connsiteX6" fmla="*/ 3515354 w 4161336"/>
              <a:gd name="connsiteY6" fmla="*/ 3466666 h 5199973"/>
              <a:gd name="connsiteX7" fmla="*/ 3938063 w 4161336"/>
              <a:gd name="connsiteY7" fmla="*/ 3466666 h 5199973"/>
              <a:gd name="connsiteX8" fmla="*/ 4161336 w 4161336"/>
              <a:gd name="connsiteY8" fmla="*/ 3689865 h 5199973"/>
              <a:gd name="connsiteX9" fmla="*/ 4161336 w 4161336"/>
              <a:gd name="connsiteY9" fmla="*/ 4976775 h 5199973"/>
              <a:gd name="connsiteX10" fmla="*/ 3938063 w 4161336"/>
              <a:gd name="connsiteY10" fmla="*/ 5199973 h 5199973"/>
              <a:gd name="connsiteX11" fmla="*/ 223274 w 4161336"/>
              <a:gd name="connsiteY11" fmla="*/ 5199973 h 5199973"/>
              <a:gd name="connsiteX12" fmla="*/ 0 w 4161336"/>
              <a:gd name="connsiteY12" fmla="*/ 4976775 h 5199973"/>
              <a:gd name="connsiteX13" fmla="*/ 0 w 4161336"/>
              <a:gd name="connsiteY13" fmla="*/ 4976722 h 5199973"/>
              <a:gd name="connsiteX14" fmla="*/ 0 w 4161336"/>
              <a:gd name="connsiteY14" fmla="*/ 1795144 h 5199973"/>
              <a:gd name="connsiteX15" fmla="*/ 31821 w 4161336"/>
              <a:gd name="connsiteY15" fmla="*/ 1680289 h 5199973"/>
              <a:gd name="connsiteX16" fmla="*/ 975274 w 4161336"/>
              <a:gd name="connsiteY16" fmla="*/ 108345 h 5199973"/>
              <a:gd name="connsiteX17" fmla="*/ 1166726 w 4161336"/>
              <a:gd name="connsiteY17" fmla="*/ 0 h 5199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161336" h="5199973">
                <a:moveTo>
                  <a:pt x="1166726" y="0"/>
                </a:moveTo>
                <a:lnTo>
                  <a:pt x="3938063" y="0"/>
                </a:lnTo>
                <a:cubicBezTo>
                  <a:pt x="4061357" y="0"/>
                  <a:pt x="4161336" y="99946"/>
                  <a:pt x="4161336" y="223199"/>
                </a:cubicBezTo>
                <a:lnTo>
                  <a:pt x="4161336" y="1671470"/>
                </a:lnTo>
                <a:cubicBezTo>
                  <a:pt x="4161336" y="1711942"/>
                  <a:pt x="4150361" y="1751627"/>
                  <a:pt x="4129514" y="1786324"/>
                </a:cubicBezTo>
                <a:lnTo>
                  <a:pt x="3323902" y="3128614"/>
                </a:lnTo>
                <a:cubicBezTo>
                  <a:pt x="3234634" y="3277378"/>
                  <a:pt x="3341807" y="3466666"/>
                  <a:pt x="3515354" y="3466666"/>
                </a:cubicBezTo>
                <a:lnTo>
                  <a:pt x="3938063" y="3466666"/>
                </a:lnTo>
                <a:cubicBezTo>
                  <a:pt x="4061357" y="3466666"/>
                  <a:pt x="4161336" y="3566613"/>
                  <a:pt x="4161336" y="3689865"/>
                </a:cubicBezTo>
                <a:lnTo>
                  <a:pt x="4161336" y="4976775"/>
                </a:lnTo>
                <a:cubicBezTo>
                  <a:pt x="4161336" y="5100027"/>
                  <a:pt x="4061357" y="5199973"/>
                  <a:pt x="3938063" y="5199973"/>
                </a:cubicBezTo>
                <a:lnTo>
                  <a:pt x="223274" y="5199973"/>
                </a:lnTo>
                <a:cubicBezTo>
                  <a:pt x="99980" y="5199973"/>
                  <a:pt x="0" y="5100027"/>
                  <a:pt x="0" y="4976775"/>
                </a:cubicBezTo>
                <a:lnTo>
                  <a:pt x="0" y="4976722"/>
                </a:lnTo>
                <a:lnTo>
                  <a:pt x="0" y="1795144"/>
                </a:lnTo>
                <a:cubicBezTo>
                  <a:pt x="0" y="1754671"/>
                  <a:pt x="10975" y="1714987"/>
                  <a:pt x="31821" y="1680289"/>
                </a:cubicBezTo>
                <a:lnTo>
                  <a:pt x="975274" y="108345"/>
                </a:lnTo>
                <a:cubicBezTo>
                  <a:pt x="1015654" y="41155"/>
                  <a:pt x="1088328" y="0"/>
                  <a:pt x="1166726" y="0"/>
                </a:cubicBezTo>
                <a:close/>
              </a:path>
            </a:pathLst>
          </a:custGeom>
        </p:spPr>
        <p:txBody>
          <a:bodyPr wrap="square" anchor="ctr">
            <a:noAutofit/>
          </a:bodyPr>
          <a:lstStyle>
            <a:lvl1pPr marL="0" indent="0" algn="ctr">
              <a:buNone/>
              <a:defRPr>
                <a:solidFill>
                  <a:schemeClr val="tx1"/>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sp>
        <p:nvSpPr>
          <p:cNvPr id="4" name="Tittel 1">
            <a:extLst>
              <a:ext uri="{FF2B5EF4-FFF2-40B4-BE49-F238E27FC236}">
                <a16:creationId xmlns:a16="http://schemas.microsoft.com/office/drawing/2014/main" id="{5890C360-8E16-F0D8-EF74-3C93CA06FCE4}"/>
              </a:ext>
            </a:extLst>
          </p:cNvPr>
          <p:cNvSpPr>
            <a:spLocks noGrp="1"/>
          </p:cNvSpPr>
          <p:nvPr>
            <p:ph type="title" hasCustomPrompt="1"/>
          </p:nvPr>
        </p:nvSpPr>
        <p:spPr>
          <a:xfrm>
            <a:off x="838200" y="416372"/>
            <a:ext cx="5604555"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sp>
        <p:nvSpPr>
          <p:cNvPr id="5" name="Plassholder for innhold 2">
            <a:extLst>
              <a:ext uri="{FF2B5EF4-FFF2-40B4-BE49-F238E27FC236}">
                <a16:creationId xmlns:a16="http://schemas.microsoft.com/office/drawing/2014/main" id="{55211319-9021-4DAE-9EA8-66592C2F99A6}"/>
              </a:ext>
            </a:extLst>
          </p:cNvPr>
          <p:cNvSpPr>
            <a:spLocks noGrp="1"/>
          </p:cNvSpPr>
          <p:nvPr>
            <p:ph sz="half" idx="1" hasCustomPrompt="1"/>
          </p:nvPr>
        </p:nvSpPr>
        <p:spPr>
          <a:xfrm>
            <a:off x="838200" y="1440000"/>
            <a:ext cx="5604554" cy="4608000"/>
          </a:xfrm>
        </p:spPr>
        <p:txBody>
          <a:bodyPr anchor="t">
            <a:noAutofit/>
          </a:bodyPr>
          <a:lstStyle>
            <a:lvl1pPr marL="342900" indent="-342900">
              <a:buFont typeface="Arial" panose="020B0604020202020204" pitchFamily="34" charset="0"/>
              <a:buChar char="•"/>
              <a:defRPr>
                <a:solidFill>
                  <a:schemeClr val="tx1"/>
                </a:solidFill>
                <a:latin typeface="Aptos" panose="020B0004020202020204" pitchFamily="34" charset="0"/>
              </a:defRPr>
            </a:lvl1pPr>
            <a:lvl2pPr>
              <a:defRPr>
                <a:solidFill>
                  <a:schemeClr val="tx1"/>
                </a:solidFill>
                <a:latin typeface="Aptos" panose="020B0004020202020204" pitchFamily="34" charset="0"/>
              </a:defRPr>
            </a:lvl2pPr>
            <a:lvl3pPr>
              <a:defRPr>
                <a:solidFill>
                  <a:schemeClr val="tx1"/>
                </a:solidFill>
                <a:latin typeface="Aptos" panose="020B0004020202020204" pitchFamily="34" charset="0"/>
              </a:defRPr>
            </a:lvl3pPr>
            <a:lvl4pPr>
              <a:defRPr>
                <a:solidFill>
                  <a:schemeClr val="tx1"/>
                </a:solidFill>
                <a:latin typeface="Aptos" panose="020B0004020202020204" pitchFamily="34" charset="0"/>
              </a:defRPr>
            </a:lvl4pPr>
            <a:lvl5pPr>
              <a:defRPr>
                <a:solidFill>
                  <a:schemeClr val="tx1"/>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pic>
        <p:nvPicPr>
          <p:cNvPr id="6" name="Bilde 2">
            <a:extLst>
              <a:ext uri="{FF2B5EF4-FFF2-40B4-BE49-F238E27FC236}">
                <a16:creationId xmlns:a16="http://schemas.microsoft.com/office/drawing/2014/main" id="{6F2A8265-4C83-B3F2-0EC4-78B8998279E0}"/>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4232373176"/>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1 Tekst og bilde (v3)">
    <p:spTree>
      <p:nvGrpSpPr>
        <p:cNvPr id="1" name=""/>
        <p:cNvGrpSpPr/>
        <p:nvPr/>
      </p:nvGrpSpPr>
      <p:grpSpPr>
        <a:xfrm>
          <a:off x="0" y="0"/>
          <a:ext cx="0" cy="0"/>
          <a:chOff x="0" y="0"/>
          <a:chExt cx="0" cy="0"/>
        </a:xfrm>
      </p:grpSpPr>
      <p:pic>
        <p:nvPicPr>
          <p:cNvPr id="3" name="Bilde 2">
            <a:extLst>
              <a:ext uri="{FF2B5EF4-FFF2-40B4-BE49-F238E27FC236}">
                <a16:creationId xmlns:a16="http://schemas.microsoft.com/office/drawing/2014/main" id="{D50E2117-7370-192A-C148-E28C8DFD5957}"/>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4" name="Plassholder for bilde 9">
            <a:extLst>
              <a:ext uri="{FF2B5EF4-FFF2-40B4-BE49-F238E27FC236}">
                <a16:creationId xmlns:a16="http://schemas.microsoft.com/office/drawing/2014/main" id="{882341E6-00CD-A626-E67F-3C1EC0B94A7E}"/>
              </a:ext>
            </a:extLst>
          </p:cNvPr>
          <p:cNvSpPr>
            <a:spLocks noGrp="1"/>
          </p:cNvSpPr>
          <p:nvPr>
            <p:ph type="pic" sz="quarter" idx="13" hasCustomPrompt="1"/>
          </p:nvPr>
        </p:nvSpPr>
        <p:spPr>
          <a:xfrm>
            <a:off x="7187617" y="821438"/>
            <a:ext cx="4167119" cy="5207147"/>
          </a:xfrm>
          <a:custGeom>
            <a:avLst/>
            <a:gdLst>
              <a:gd name="connsiteX0" fmla="*/ 223584 w 4167119"/>
              <a:gd name="connsiteY0" fmla="*/ 0 h 5207147"/>
              <a:gd name="connsiteX1" fmla="*/ 3943535 w 4167119"/>
              <a:gd name="connsiteY1" fmla="*/ 0 h 5207147"/>
              <a:gd name="connsiteX2" fmla="*/ 4167119 w 4167119"/>
              <a:gd name="connsiteY2" fmla="*/ 223509 h 5207147"/>
              <a:gd name="connsiteX3" fmla="*/ 4167119 w 4167119"/>
              <a:gd name="connsiteY3" fmla="*/ 4983638 h 5207147"/>
              <a:gd name="connsiteX4" fmla="*/ 3943535 w 4167119"/>
              <a:gd name="connsiteY4" fmla="*/ 5207147 h 5207147"/>
              <a:gd name="connsiteX5" fmla="*/ 223584 w 4167119"/>
              <a:gd name="connsiteY5" fmla="*/ 5207147 h 5207147"/>
              <a:gd name="connsiteX6" fmla="*/ 0 w 4167119"/>
              <a:gd name="connsiteY6" fmla="*/ 4983638 h 5207147"/>
              <a:gd name="connsiteX7" fmla="*/ 0 w 4167119"/>
              <a:gd name="connsiteY7" fmla="*/ 223509 h 5207147"/>
              <a:gd name="connsiteX8" fmla="*/ 223584 w 4167119"/>
              <a:gd name="connsiteY8" fmla="*/ 0 h 52071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167119" h="5207147">
                <a:moveTo>
                  <a:pt x="223584" y="0"/>
                </a:moveTo>
                <a:lnTo>
                  <a:pt x="3943535" y="0"/>
                </a:lnTo>
                <a:cubicBezTo>
                  <a:pt x="4067017" y="0"/>
                  <a:pt x="4167119" y="100068"/>
                  <a:pt x="4167119" y="223509"/>
                </a:cubicBezTo>
                <a:lnTo>
                  <a:pt x="4167119" y="4983638"/>
                </a:lnTo>
                <a:cubicBezTo>
                  <a:pt x="4167119" y="5107078"/>
                  <a:pt x="4067017" y="5207147"/>
                  <a:pt x="3943535" y="5207147"/>
                </a:cubicBezTo>
                <a:lnTo>
                  <a:pt x="223584" y="5207147"/>
                </a:lnTo>
                <a:cubicBezTo>
                  <a:pt x="100102" y="5207147"/>
                  <a:pt x="0" y="5107078"/>
                  <a:pt x="0" y="4983638"/>
                </a:cubicBezTo>
                <a:lnTo>
                  <a:pt x="0" y="223509"/>
                </a:lnTo>
                <a:cubicBezTo>
                  <a:pt x="0" y="100068"/>
                  <a:pt x="100102" y="0"/>
                  <a:pt x="223584" y="0"/>
                </a:cubicBezTo>
                <a:close/>
              </a:path>
            </a:pathLst>
          </a:custGeom>
        </p:spPr>
        <p:txBody>
          <a:bodyPr wrap="square" anchor="ctr">
            <a:noAutofit/>
          </a:bodyPr>
          <a:lstStyle>
            <a:lvl1pPr marL="0" indent="0" algn="ctr">
              <a:buNone/>
              <a:defRPr>
                <a:solidFill>
                  <a:schemeClr val="tx1"/>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sp>
        <p:nvSpPr>
          <p:cNvPr id="5" name="Tittel 1">
            <a:extLst>
              <a:ext uri="{FF2B5EF4-FFF2-40B4-BE49-F238E27FC236}">
                <a16:creationId xmlns:a16="http://schemas.microsoft.com/office/drawing/2014/main" id="{6508CDE1-28F8-3884-BEB1-2143523A0368}"/>
              </a:ext>
            </a:extLst>
          </p:cNvPr>
          <p:cNvSpPr>
            <a:spLocks noGrp="1"/>
          </p:cNvSpPr>
          <p:nvPr>
            <p:ph type="title" hasCustomPrompt="1"/>
          </p:nvPr>
        </p:nvSpPr>
        <p:spPr>
          <a:xfrm>
            <a:off x="838200" y="416372"/>
            <a:ext cx="5604555"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sp>
        <p:nvSpPr>
          <p:cNvPr id="6" name="Plassholder for innhold 2">
            <a:extLst>
              <a:ext uri="{FF2B5EF4-FFF2-40B4-BE49-F238E27FC236}">
                <a16:creationId xmlns:a16="http://schemas.microsoft.com/office/drawing/2014/main" id="{7037E0A0-76E3-469D-C61B-D49D79D06AAF}"/>
              </a:ext>
            </a:extLst>
          </p:cNvPr>
          <p:cNvSpPr>
            <a:spLocks noGrp="1"/>
          </p:cNvSpPr>
          <p:nvPr>
            <p:ph sz="half" idx="1" hasCustomPrompt="1"/>
          </p:nvPr>
        </p:nvSpPr>
        <p:spPr>
          <a:xfrm>
            <a:off x="838200" y="1440000"/>
            <a:ext cx="5604554" cy="4608000"/>
          </a:xfrm>
        </p:spPr>
        <p:txBody>
          <a:bodyPr anchor="t">
            <a:noAutofit/>
          </a:bodyPr>
          <a:lstStyle>
            <a:lvl1pPr marL="342900" indent="-342900">
              <a:buFont typeface="Arial" panose="020B0604020202020204" pitchFamily="34" charset="0"/>
              <a:buChar char="•"/>
              <a:defRPr>
                <a:solidFill>
                  <a:schemeClr val="tx1"/>
                </a:solidFill>
                <a:latin typeface="Aptos" panose="020B0004020202020204" pitchFamily="34" charset="0"/>
              </a:defRPr>
            </a:lvl1pPr>
            <a:lvl2pPr>
              <a:defRPr>
                <a:solidFill>
                  <a:schemeClr val="tx1"/>
                </a:solidFill>
                <a:latin typeface="Aptos" panose="020B0004020202020204" pitchFamily="34" charset="0"/>
              </a:defRPr>
            </a:lvl2pPr>
            <a:lvl3pPr>
              <a:defRPr>
                <a:solidFill>
                  <a:schemeClr val="tx1"/>
                </a:solidFill>
                <a:latin typeface="Aptos" panose="020B0004020202020204" pitchFamily="34" charset="0"/>
              </a:defRPr>
            </a:lvl3pPr>
            <a:lvl4pPr>
              <a:defRPr>
                <a:solidFill>
                  <a:schemeClr val="tx1"/>
                </a:solidFill>
                <a:latin typeface="Aptos" panose="020B0004020202020204" pitchFamily="34" charset="0"/>
              </a:defRPr>
            </a:lvl4pPr>
            <a:lvl5pPr>
              <a:defRPr>
                <a:solidFill>
                  <a:schemeClr val="tx1"/>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pic>
        <p:nvPicPr>
          <p:cNvPr id="7" name="Bilde 2">
            <a:extLst>
              <a:ext uri="{FF2B5EF4-FFF2-40B4-BE49-F238E27FC236}">
                <a16:creationId xmlns:a16="http://schemas.microsoft.com/office/drawing/2014/main" id="{2BB85851-C2F8-6CEC-7E5E-3DAE637CEE6F}"/>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2256176359"/>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2 Tekster og bilder">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45" name="Plassholder for innhold 3">
            <a:extLst>
              <a:ext uri="{FF2B5EF4-FFF2-40B4-BE49-F238E27FC236}">
                <a16:creationId xmlns:a16="http://schemas.microsoft.com/office/drawing/2014/main" id="{D803BA19-787A-BF2B-4B32-3940DD68E852}"/>
              </a:ext>
            </a:extLst>
          </p:cNvPr>
          <p:cNvSpPr>
            <a:spLocks noGrp="1"/>
          </p:cNvSpPr>
          <p:nvPr>
            <p:ph sz="half" idx="2" hasCustomPrompt="1"/>
          </p:nvPr>
        </p:nvSpPr>
        <p:spPr>
          <a:xfrm>
            <a:off x="843517" y="4716000"/>
            <a:ext cx="5102112" cy="1512000"/>
          </a:xfrm>
        </p:spPr>
        <p:txBody>
          <a:bodyPr>
            <a:noAutofit/>
          </a:bodyPr>
          <a:lstStyle>
            <a:lvl1pPr marL="0" indent="0" algn="l">
              <a:spcBef>
                <a:spcPts val="300"/>
              </a:spcBef>
              <a:buFont typeface="Arial" panose="020B0604020202020204" pitchFamily="34" charset="0"/>
              <a:buNone/>
              <a:defRPr sz="16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6" name="Plassholder for innhold 3">
            <a:extLst>
              <a:ext uri="{FF2B5EF4-FFF2-40B4-BE49-F238E27FC236}">
                <a16:creationId xmlns:a16="http://schemas.microsoft.com/office/drawing/2014/main" id="{2184F4D8-439E-8411-8CAC-50791DB90DBB}"/>
              </a:ext>
            </a:extLst>
          </p:cNvPr>
          <p:cNvSpPr>
            <a:spLocks noGrp="1"/>
          </p:cNvSpPr>
          <p:nvPr>
            <p:ph sz="half" idx="14" hasCustomPrompt="1"/>
          </p:nvPr>
        </p:nvSpPr>
        <p:spPr>
          <a:xfrm>
            <a:off x="6252124" y="4716000"/>
            <a:ext cx="5102112" cy="1512000"/>
          </a:xfrm>
        </p:spPr>
        <p:txBody>
          <a:bodyPr>
            <a:noAutofit/>
          </a:bodyPr>
          <a:lstStyle>
            <a:lvl1pPr marL="0" indent="0" algn="l">
              <a:spcBef>
                <a:spcPts val="300"/>
              </a:spcBef>
              <a:buFont typeface="Arial" panose="020B0604020202020204" pitchFamily="34" charset="0"/>
              <a:buNone/>
              <a:defRPr sz="16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9" name="Plassholder for tekst 2">
            <a:extLst>
              <a:ext uri="{FF2B5EF4-FFF2-40B4-BE49-F238E27FC236}">
                <a16:creationId xmlns:a16="http://schemas.microsoft.com/office/drawing/2014/main" id="{D9D54EDD-FD96-438A-C2B8-5E625E1C779A}"/>
              </a:ext>
            </a:extLst>
          </p:cNvPr>
          <p:cNvSpPr>
            <a:spLocks noGrp="1"/>
          </p:cNvSpPr>
          <p:nvPr>
            <p:ph type="body" idx="17" hasCustomPrompt="1"/>
          </p:nvPr>
        </p:nvSpPr>
        <p:spPr>
          <a:xfrm>
            <a:off x="6246925" y="3996000"/>
            <a:ext cx="5102112" cy="601370"/>
          </a:xfrm>
        </p:spPr>
        <p:txBody>
          <a:bodyPr tIns="0" bIns="0" anchor="b">
            <a:noAutofit/>
          </a:bodyPr>
          <a:lstStyle>
            <a:lvl1pPr marL="0" indent="0" algn="l">
              <a:buNone/>
              <a:defRPr sz="20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50" name="Plassholder for tekst 2">
            <a:extLst>
              <a:ext uri="{FF2B5EF4-FFF2-40B4-BE49-F238E27FC236}">
                <a16:creationId xmlns:a16="http://schemas.microsoft.com/office/drawing/2014/main" id="{321B0A13-19E8-6EAF-D8A6-C099FA37D055}"/>
              </a:ext>
            </a:extLst>
          </p:cNvPr>
          <p:cNvSpPr>
            <a:spLocks noGrp="1"/>
          </p:cNvSpPr>
          <p:nvPr>
            <p:ph type="body" idx="18" hasCustomPrompt="1"/>
          </p:nvPr>
        </p:nvSpPr>
        <p:spPr>
          <a:xfrm>
            <a:off x="838199" y="3996000"/>
            <a:ext cx="5102112" cy="601370"/>
          </a:xfrm>
        </p:spPr>
        <p:txBody>
          <a:bodyPr tIns="0" bIns="0" anchor="b">
            <a:noAutofit/>
          </a:bodyPr>
          <a:lstStyle>
            <a:lvl1pPr marL="0" indent="0" algn="l">
              <a:buNone/>
              <a:defRPr sz="20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10" name="Plassholder for bilde 9">
            <a:extLst>
              <a:ext uri="{FF2B5EF4-FFF2-40B4-BE49-F238E27FC236}">
                <a16:creationId xmlns:a16="http://schemas.microsoft.com/office/drawing/2014/main" id="{D474810F-C877-278E-54D5-2CB25AE11E2F}"/>
              </a:ext>
            </a:extLst>
          </p:cNvPr>
          <p:cNvSpPr>
            <a:spLocks noGrp="1"/>
          </p:cNvSpPr>
          <p:nvPr>
            <p:ph type="pic" sz="quarter" idx="20" hasCustomPrompt="1"/>
          </p:nvPr>
        </p:nvSpPr>
        <p:spPr>
          <a:xfrm>
            <a:off x="838199" y="1440000"/>
            <a:ext cx="5807594" cy="2453607"/>
          </a:xfrm>
          <a:custGeom>
            <a:avLst/>
            <a:gdLst>
              <a:gd name="connsiteX0" fmla="*/ 550291 w 5807594"/>
              <a:gd name="connsiteY0" fmla="*/ 0 h 2453607"/>
              <a:gd name="connsiteX1" fmla="*/ 5702130 w 5807594"/>
              <a:gd name="connsiteY1" fmla="*/ 0 h 2453607"/>
              <a:gd name="connsiteX2" fmla="*/ 5792429 w 5807594"/>
              <a:gd name="connsiteY2" fmla="*/ 159512 h 2453607"/>
              <a:gd name="connsiteX3" fmla="*/ 4446757 w 5807594"/>
              <a:gd name="connsiteY3" fmla="*/ 2402484 h 2453607"/>
              <a:gd name="connsiteX4" fmla="*/ 4356457 w 5807594"/>
              <a:gd name="connsiteY4" fmla="*/ 2453607 h 2453607"/>
              <a:gd name="connsiteX5" fmla="*/ 105308 w 5807594"/>
              <a:gd name="connsiteY5" fmla="*/ 2453607 h 2453607"/>
              <a:gd name="connsiteX6" fmla="*/ 0 w 5807594"/>
              <a:gd name="connsiteY6" fmla="*/ 2348290 h 2453607"/>
              <a:gd name="connsiteX7" fmla="*/ 0 w 5807594"/>
              <a:gd name="connsiteY7" fmla="*/ 847047 h 2453607"/>
              <a:gd name="connsiteX8" fmla="*/ 15009 w 5807594"/>
              <a:gd name="connsiteY8" fmla="*/ 792853 h 2453607"/>
              <a:gd name="connsiteX9" fmla="*/ 459991 w 5807594"/>
              <a:gd name="connsiteY9" fmla="*/ 51123 h 2453607"/>
              <a:gd name="connsiteX10" fmla="*/ 550291 w 5807594"/>
              <a:gd name="connsiteY10" fmla="*/ 0 h 24536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807594" h="2453607">
                <a:moveTo>
                  <a:pt x="550291" y="0"/>
                </a:moveTo>
                <a:lnTo>
                  <a:pt x="5702130" y="0"/>
                </a:lnTo>
                <a:cubicBezTo>
                  <a:pt x="5783983" y="0"/>
                  <a:pt x="5834532" y="89317"/>
                  <a:pt x="5792429" y="159512"/>
                </a:cubicBezTo>
                <a:lnTo>
                  <a:pt x="4446757" y="2402484"/>
                </a:lnTo>
                <a:cubicBezTo>
                  <a:pt x="4427736" y="2434213"/>
                  <a:pt x="4393459" y="2453607"/>
                  <a:pt x="4356457" y="2453607"/>
                </a:cubicBezTo>
                <a:lnTo>
                  <a:pt x="105308" y="2453607"/>
                </a:lnTo>
                <a:cubicBezTo>
                  <a:pt x="47156" y="2453607"/>
                  <a:pt x="0" y="2406447"/>
                  <a:pt x="0" y="2348290"/>
                </a:cubicBezTo>
                <a:lnTo>
                  <a:pt x="0" y="847047"/>
                </a:lnTo>
                <a:cubicBezTo>
                  <a:pt x="0" y="827950"/>
                  <a:pt x="5176" y="809225"/>
                  <a:pt x="15009" y="792853"/>
                </a:cubicBezTo>
                <a:lnTo>
                  <a:pt x="459991" y="51123"/>
                </a:lnTo>
                <a:cubicBezTo>
                  <a:pt x="479037" y="19419"/>
                  <a:pt x="513314" y="0"/>
                  <a:pt x="550291"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11" name="Plassholder for bilde 10">
            <a:extLst>
              <a:ext uri="{FF2B5EF4-FFF2-40B4-BE49-F238E27FC236}">
                <a16:creationId xmlns:a16="http://schemas.microsoft.com/office/drawing/2014/main" id="{A57A2679-F056-ADC0-F625-225E8A90F17C}"/>
              </a:ext>
            </a:extLst>
          </p:cNvPr>
          <p:cNvSpPr>
            <a:spLocks noGrp="1"/>
          </p:cNvSpPr>
          <p:nvPr>
            <p:ph type="pic" sz="quarter" idx="21" hasCustomPrompt="1"/>
          </p:nvPr>
        </p:nvSpPr>
        <p:spPr>
          <a:xfrm>
            <a:off x="5544444" y="1440000"/>
            <a:ext cx="5804594" cy="2453607"/>
          </a:xfrm>
          <a:custGeom>
            <a:avLst/>
            <a:gdLst>
              <a:gd name="connsiteX0" fmla="*/ 1451113 w 5804594"/>
              <a:gd name="connsiteY0" fmla="*/ 0 h 2453607"/>
              <a:gd name="connsiteX1" fmla="*/ 5702287 w 5804594"/>
              <a:gd name="connsiteY1" fmla="*/ 0 h 2453607"/>
              <a:gd name="connsiteX2" fmla="*/ 5799318 w 5804594"/>
              <a:gd name="connsiteY2" fmla="*/ 64326 h 2453607"/>
              <a:gd name="connsiteX3" fmla="*/ 5804594 w 5804594"/>
              <a:gd name="connsiteY3" fmla="*/ 90455 h 2453607"/>
              <a:gd name="connsiteX4" fmla="*/ 5804594 w 5804594"/>
              <a:gd name="connsiteY4" fmla="*/ 1617397 h 2453607"/>
              <a:gd name="connsiteX5" fmla="*/ 5792587 w 5804594"/>
              <a:gd name="connsiteY5" fmla="*/ 1660755 h 2453607"/>
              <a:gd name="connsiteX6" fmla="*/ 5347604 w 5804594"/>
              <a:gd name="connsiteY6" fmla="*/ 2402484 h 2453607"/>
              <a:gd name="connsiteX7" fmla="*/ 5257305 w 5804594"/>
              <a:gd name="connsiteY7" fmla="*/ 2453607 h 2453607"/>
              <a:gd name="connsiteX8" fmla="*/ 105466 w 5804594"/>
              <a:gd name="connsiteY8" fmla="*/ 2453607 h 2453607"/>
              <a:gd name="connsiteX9" fmla="*/ 15166 w 5804594"/>
              <a:gd name="connsiteY9" fmla="*/ 2294096 h 2453607"/>
              <a:gd name="connsiteX10" fmla="*/ 1360814 w 5804594"/>
              <a:gd name="connsiteY10" fmla="*/ 51123 h 2453607"/>
              <a:gd name="connsiteX11" fmla="*/ 1451113 w 5804594"/>
              <a:gd name="connsiteY11" fmla="*/ 0 h 24536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804594" h="2453607">
                <a:moveTo>
                  <a:pt x="1451113" y="0"/>
                </a:moveTo>
                <a:lnTo>
                  <a:pt x="5702287" y="0"/>
                </a:lnTo>
                <a:cubicBezTo>
                  <a:pt x="5745901" y="0"/>
                  <a:pt x="5783330" y="26528"/>
                  <a:pt x="5799318" y="64326"/>
                </a:cubicBezTo>
                <a:lnTo>
                  <a:pt x="5804594" y="90455"/>
                </a:lnTo>
                <a:lnTo>
                  <a:pt x="5804594" y="1617397"/>
                </a:lnTo>
                <a:lnTo>
                  <a:pt x="5792587" y="1660755"/>
                </a:lnTo>
                <a:lnTo>
                  <a:pt x="5347604" y="2402484"/>
                </a:lnTo>
                <a:cubicBezTo>
                  <a:pt x="5328583" y="2434213"/>
                  <a:pt x="5294306" y="2453607"/>
                  <a:pt x="5257305" y="2453607"/>
                </a:cubicBezTo>
                <a:lnTo>
                  <a:pt x="105466" y="2453607"/>
                </a:lnTo>
                <a:cubicBezTo>
                  <a:pt x="23612" y="2453607"/>
                  <a:pt x="-26937" y="2364291"/>
                  <a:pt x="15166" y="2294096"/>
                </a:cubicBezTo>
                <a:lnTo>
                  <a:pt x="1360814" y="51123"/>
                </a:lnTo>
                <a:cubicBezTo>
                  <a:pt x="1379835" y="19394"/>
                  <a:pt x="1414112" y="0"/>
                  <a:pt x="1451113"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3" name="Tittel 1">
            <a:extLst>
              <a:ext uri="{FF2B5EF4-FFF2-40B4-BE49-F238E27FC236}">
                <a16:creationId xmlns:a16="http://schemas.microsoft.com/office/drawing/2014/main" id="{AA838C6F-4841-0C06-EE18-C88AD02221B4}"/>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pic>
        <p:nvPicPr>
          <p:cNvPr id="4" name="Bilde 2">
            <a:extLst>
              <a:ext uri="{FF2B5EF4-FFF2-40B4-BE49-F238E27FC236}">
                <a16:creationId xmlns:a16="http://schemas.microsoft.com/office/drawing/2014/main" id="{68CA8174-378A-B772-2FD5-7279B2EC9CDC}"/>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569903969"/>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3 Tekster og bilder (v1)">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45" name="Plassholder for innhold 3">
            <a:extLst>
              <a:ext uri="{FF2B5EF4-FFF2-40B4-BE49-F238E27FC236}">
                <a16:creationId xmlns:a16="http://schemas.microsoft.com/office/drawing/2014/main" id="{D803BA19-787A-BF2B-4B32-3940DD68E852}"/>
              </a:ext>
            </a:extLst>
          </p:cNvPr>
          <p:cNvSpPr>
            <a:spLocks noGrp="1"/>
          </p:cNvSpPr>
          <p:nvPr>
            <p:ph sz="half" idx="2" hasCustomPrompt="1"/>
          </p:nvPr>
        </p:nvSpPr>
        <p:spPr>
          <a:xfrm>
            <a:off x="839789" y="4716000"/>
            <a:ext cx="3014582" cy="151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6" name="Plassholder for innhold 3">
            <a:extLst>
              <a:ext uri="{FF2B5EF4-FFF2-40B4-BE49-F238E27FC236}">
                <a16:creationId xmlns:a16="http://schemas.microsoft.com/office/drawing/2014/main" id="{2184F4D8-439E-8411-8CAC-50791DB90DBB}"/>
              </a:ext>
            </a:extLst>
          </p:cNvPr>
          <p:cNvSpPr>
            <a:spLocks noGrp="1"/>
          </p:cNvSpPr>
          <p:nvPr>
            <p:ph sz="half" idx="14" hasCustomPrompt="1"/>
          </p:nvPr>
        </p:nvSpPr>
        <p:spPr>
          <a:xfrm>
            <a:off x="4417200" y="4716000"/>
            <a:ext cx="3014582" cy="151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7" name="Plassholder for innhold 3">
            <a:extLst>
              <a:ext uri="{FF2B5EF4-FFF2-40B4-BE49-F238E27FC236}">
                <a16:creationId xmlns:a16="http://schemas.microsoft.com/office/drawing/2014/main" id="{716427F7-B558-E305-F237-770008E04BF9}"/>
              </a:ext>
            </a:extLst>
          </p:cNvPr>
          <p:cNvSpPr>
            <a:spLocks noGrp="1"/>
          </p:cNvSpPr>
          <p:nvPr>
            <p:ph sz="half" idx="16" hasCustomPrompt="1"/>
          </p:nvPr>
        </p:nvSpPr>
        <p:spPr>
          <a:xfrm>
            <a:off x="7999200" y="4716000"/>
            <a:ext cx="3014582" cy="151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8" name="Plassholder for tekst 2">
            <a:extLst>
              <a:ext uri="{FF2B5EF4-FFF2-40B4-BE49-F238E27FC236}">
                <a16:creationId xmlns:a16="http://schemas.microsoft.com/office/drawing/2014/main" id="{4C7E3C2E-8599-08BA-7124-C35BFD36608B}"/>
              </a:ext>
            </a:extLst>
          </p:cNvPr>
          <p:cNvSpPr>
            <a:spLocks noGrp="1"/>
          </p:cNvSpPr>
          <p:nvPr>
            <p:ph type="body" idx="1" hasCustomPrompt="1"/>
          </p:nvPr>
        </p:nvSpPr>
        <p:spPr>
          <a:xfrm>
            <a:off x="7999200" y="3996000"/>
            <a:ext cx="3014582" cy="601370"/>
          </a:xfrm>
        </p:spPr>
        <p:txBody>
          <a:bodyPr tIns="0" bIns="0" anchor="b">
            <a:noAutofit/>
          </a:bodyPr>
          <a:lstStyle>
            <a:lvl1pPr marL="0" indent="0" algn="l">
              <a:buNone/>
              <a:defRPr sz="20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49" name="Plassholder for tekst 2">
            <a:extLst>
              <a:ext uri="{FF2B5EF4-FFF2-40B4-BE49-F238E27FC236}">
                <a16:creationId xmlns:a16="http://schemas.microsoft.com/office/drawing/2014/main" id="{D9D54EDD-FD96-438A-C2B8-5E625E1C779A}"/>
              </a:ext>
            </a:extLst>
          </p:cNvPr>
          <p:cNvSpPr>
            <a:spLocks noGrp="1"/>
          </p:cNvSpPr>
          <p:nvPr>
            <p:ph type="body" idx="17" hasCustomPrompt="1"/>
          </p:nvPr>
        </p:nvSpPr>
        <p:spPr>
          <a:xfrm>
            <a:off x="4417200" y="3996000"/>
            <a:ext cx="3014582" cy="601370"/>
          </a:xfrm>
        </p:spPr>
        <p:txBody>
          <a:bodyPr tIns="0" bIns="0" anchor="b">
            <a:noAutofit/>
          </a:bodyPr>
          <a:lstStyle>
            <a:lvl1pPr marL="0" indent="0" algn="l">
              <a:buNone/>
              <a:defRPr sz="20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50" name="Plassholder for tekst 2">
            <a:extLst>
              <a:ext uri="{FF2B5EF4-FFF2-40B4-BE49-F238E27FC236}">
                <a16:creationId xmlns:a16="http://schemas.microsoft.com/office/drawing/2014/main" id="{321B0A13-19E8-6EAF-D8A6-C099FA37D055}"/>
              </a:ext>
            </a:extLst>
          </p:cNvPr>
          <p:cNvSpPr>
            <a:spLocks noGrp="1"/>
          </p:cNvSpPr>
          <p:nvPr>
            <p:ph type="body" idx="18" hasCustomPrompt="1"/>
          </p:nvPr>
        </p:nvSpPr>
        <p:spPr>
          <a:xfrm>
            <a:off x="834471" y="3996000"/>
            <a:ext cx="3014582" cy="601370"/>
          </a:xfrm>
        </p:spPr>
        <p:txBody>
          <a:bodyPr tIns="0" bIns="0" anchor="b">
            <a:noAutofit/>
          </a:bodyPr>
          <a:lstStyle>
            <a:lvl1pPr marL="0" indent="0" algn="l">
              <a:buNone/>
              <a:defRPr sz="20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14" name="Plassholder for bilde 13">
            <a:extLst>
              <a:ext uri="{FF2B5EF4-FFF2-40B4-BE49-F238E27FC236}">
                <a16:creationId xmlns:a16="http://schemas.microsoft.com/office/drawing/2014/main" id="{87EAD5F9-13E1-1894-0AFA-8C4434C77B60}"/>
              </a:ext>
            </a:extLst>
          </p:cNvPr>
          <p:cNvSpPr>
            <a:spLocks noGrp="1"/>
          </p:cNvSpPr>
          <p:nvPr>
            <p:ph type="pic" sz="quarter" idx="20" hasCustomPrompt="1"/>
          </p:nvPr>
        </p:nvSpPr>
        <p:spPr>
          <a:xfrm>
            <a:off x="838851" y="1440000"/>
            <a:ext cx="4090316" cy="2446390"/>
          </a:xfrm>
          <a:custGeom>
            <a:avLst/>
            <a:gdLst>
              <a:gd name="connsiteX0" fmla="*/ 550303 w 4090316"/>
              <a:gd name="connsiteY0" fmla="*/ 0 h 2446390"/>
              <a:gd name="connsiteX1" fmla="*/ 3984850 w 4090316"/>
              <a:gd name="connsiteY1" fmla="*/ 0 h 2446390"/>
              <a:gd name="connsiteX2" fmla="*/ 4075151 w 4090316"/>
              <a:gd name="connsiteY2" fmla="*/ 159447 h 2446390"/>
              <a:gd name="connsiteX3" fmla="*/ 2729448 w 4090316"/>
              <a:gd name="connsiteY3" fmla="*/ 2401514 h 2446390"/>
              <a:gd name="connsiteX4" fmla="*/ 2691040 w 4090316"/>
              <a:gd name="connsiteY4" fmla="*/ 2438960 h 2446390"/>
              <a:gd name="connsiteX5" fmla="*/ 2662807 w 4090316"/>
              <a:gd name="connsiteY5" fmla="*/ 2446390 h 2446390"/>
              <a:gd name="connsiteX6" fmla="*/ 74463 w 4090316"/>
              <a:gd name="connsiteY6" fmla="*/ 2446390 h 2446390"/>
              <a:gd name="connsiteX7" fmla="*/ 64322 w 4090316"/>
              <a:gd name="connsiteY7" fmla="*/ 2444343 h 2446390"/>
              <a:gd name="connsiteX8" fmla="*/ 0 w 4090316"/>
              <a:gd name="connsiteY8" fmla="*/ 2347342 h 2446390"/>
              <a:gd name="connsiteX9" fmla="*/ 0 w 4090316"/>
              <a:gd name="connsiteY9" fmla="*/ 846705 h 2446390"/>
              <a:gd name="connsiteX10" fmla="*/ 15009 w 4090316"/>
              <a:gd name="connsiteY10" fmla="*/ 792532 h 2446390"/>
              <a:gd name="connsiteX11" fmla="*/ 460002 w 4090316"/>
              <a:gd name="connsiteY11" fmla="*/ 51102 h 2446390"/>
              <a:gd name="connsiteX12" fmla="*/ 550303 w 4090316"/>
              <a:gd name="connsiteY12" fmla="*/ 0 h 2446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090316" h="2446390">
                <a:moveTo>
                  <a:pt x="550303" y="0"/>
                </a:moveTo>
                <a:lnTo>
                  <a:pt x="3984850" y="0"/>
                </a:lnTo>
                <a:cubicBezTo>
                  <a:pt x="4066706" y="0"/>
                  <a:pt x="4117256" y="89281"/>
                  <a:pt x="4075151" y="159447"/>
                </a:cubicBezTo>
                <a:lnTo>
                  <a:pt x="2729448" y="2401514"/>
                </a:lnTo>
                <a:cubicBezTo>
                  <a:pt x="2719938" y="2417373"/>
                  <a:pt x="2706613" y="2430149"/>
                  <a:pt x="2691040" y="2438960"/>
                </a:cubicBezTo>
                <a:lnTo>
                  <a:pt x="2662807" y="2446390"/>
                </a:lnTo>
                <a:lnTo>
                  <a:pt x="74463" y="2446390"/>
                </a:lnTo>
                <a:lnTo>
                  <a:pt x="64322" y="2444343"/>
                </a:lnTo>
                <a:cubicBezTo>
                  <a:pt x="26526" y="2428360"/>
                  <a:pt x="0" y="2390943"/>
                  <a:pt x="0" y="2347342"/>
                </a:cubicBezTo>
                <a:lnTo>
                  <a:pt x="0" y="846705"/>
                </a:lnTo>
                <a:cubicBezTo>
                  <a:pt x="0" y="827616"/>
                  <a:pt x="5176" y="808898"/>
                  <a:pt x="15009" y="792532"/>
                </a:cubicBezTo>
                <a:lnTo>
                  <a:pt x="460002" y="51102"/>
                </a:lnTo>
                <a:cubicBezTo>
                  <a:pt x="479048" y="19411"/>
                  <a:pt x="513326" y="0"/>
                  <a:pt x="550303"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sp>
        <p:nvSpPr>
          <p:cNvPr id="15" name="Plassholder for bilde 14">
            <a:extLst>
              <a:ext uri="{FF2B5EF4-FFF2-40B4-BE49-F238E27FC236}">
                <a16:creationId xmlns:a16="http://schemas.microsoft.com/office/drawing/2014/main" id="{22A35B71-796D-56B5-4257-E352D09B60F4}"/>
              </a:ext>
            </a:extLst>
          </p:cNvPr>
          <p:cNvSpPr>
            <a:spLocks noGrp="1"/>
          </p:cNvSpPr>
          <p:nvPr>
            <p:ph type="pic" sz="quarter" idx="21" hasCustomPrompt="1"/>
          </p:nvPr>
        </p:nvSpPr>
        <p:spPr>
          <a:xfrm>
            <a:off x="3747679" y="1440000"/>
            <a:ext cx="4693549" cy="2444831"/>
          </a:xfrm>
          <a:custGeom>
            <a:avLst/>
            <a:gdLst>
              <a:gd name="connsiteX0" fmla="*/ 1446076 w 4693549"/>
              <a:gd name="connsiteY0" fmla="*/ 0 h 2444831"/>
              <a:gd name="connsiteX1" fmla="*/ 4588451 w 4693549"/>
              <a:gd name="connsiteY1" fmla="*/ 0 h 2444831"/>
              <a:gd name="connsiteX2" fmla="*/ 4678437 w 4693549"/>
              <a:gd name="connsiteY2" fmla="*/ 158946 h 2444831"/>
              <a:gd name="connsiteX3" fmla="*/ 3337435 w 4693549"/>
              <a:gd name="connsiteY3" fmla="*/ 2393965 h 2444831"/>
              <a:gd name="connsiteX4" fmla="*/ 3299162 w 4693549"/>
              <a:gd name="connsiteY4" fmla="*/ 2431283 h 2444831"/>
              <a:gd name="connsiteX5" fmla="*/ 3247738 w 4693549"/>
              <a:gd name="connsiteY5" fmla="*/ 2444831 h 2444831"/>
              <a:gd name="connsiteX6" fmla="*/ 104543 w 4693549"/>
              <a:gd name="connsiteY6" fmla="*/ 2444831 h 2444831"/>
              <a:gd name="connsiteX7" fmla="*/ 76092 w 4693549"/>
              <a:gd name="connsiteY7" fmla="*/ 2440946 h 2444831"/>
              <a:gd name="connsiteX8" fmla="*/ 15113 w 4693549"/>
              <a:gd name="connsiteY8" fmla="*/ 2285961 h 2444831"/>
              <a:gd name="connsiteX9" fmla="*/ 1356091 w 4693549"/>
              <a:gd name="connsiteY9" fmla="*/ 50942 h 2444831"/>
              <a:gd name="connsiteX10" fmla="*/ 1446076 w 4693549"/>
              <a:gd name="connsiteY10" fmla="*/ 0 h 24448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693549" h="2444831">
                <a:moveTo>
                  <a:pt x="1446076" y="0"/>
                </a:moveTo>
                <a:lnTo>
                  <a:pt x="4588451" y="0"/>
                </a:lnTo>
                <a:cubicBezTo>
                  <a:pt x="4670021" y="0"/>
                  <a:pt x="4720394" y="89000"/>
                  <a:pt x="4678437" y="158946"/>
                </a:cubicBezTo>
                <a:lnTo>
                  <a:pt x="3337435" y="2393965"/>
                </a:lnTo>
                <a:cubicBezTo>
                  <a:pt x="3327958" y="2409761"/>
                  <a:pt x="3314680" y="2422497"/>
                  <a:pt x="3299162" y="2431283"/>
                </a:cubicBezTo>
                <a:lnTo>
                  <a:pt x="3247738" y="2444831"/>
                </a:lnTo>
                <a:lnTo>
                  <a:pt x="104543" y="2444831"/>
                </a:lnTo>
                <a:lnTo>
                  <a:pt x="76092" y="2440946"/>
                </a:lnTo>
                <a:cubicBezTo>
                  <a:pt x="12378" y="2422955"/>
                  <a:pt x="-21600" y="2347164"/>
                  <a:pt x="15113" y="2285961"/>
                </a:cubicBezTo>
                <a:lnTo>
                  <a:pt x="1356091" y="50942"/>
                </a:lnTo>
                <a:cubicBezTo>
                  <a:pt x="1375045" y="19350"/>
                  <a:pt x="1409203" y="0"/>
                  <a:pt x="1446076"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sp>
        <p:nvSpPr>
          <p:cNvPr id="16" name="Plassholder for bilde 15">
            <a:extLst>
              <a:ext uri="{FF2B5EF4-FFF2-40B4-BE49-F238E27FC236}">
                <a16:creationId xmlns:a16="http://schemas.microsoft.com/office/drawing/2014/main" id="{F192C758-8ED4-4059-815F-EE9B52B6CA00}"/>
              </a:ext>
            </a:extLst>
          </p:cNvPr>
          <p:cNvSpPr>
            <a:spLocks noGrp="1"/>
          </p:cNvSpPr>
          <p:nvPr>
            <p:ph type="pic" sz="quarter" idx="22" hasCustomPrompt="1"/>
          </p:nvPr>
        </p:nvSpPr>
        <p:spPr>
          <a:xfrm>
            <a:off x="7262835" y="1440000"/>
            <a:ext cx="4115796" cy="2446390"/>
          </a:xfrm>
          <a:custGeom>
            <a:avLst/>
            <a:gdLst>
              <a:gd name="connsiteX0" fmla="*/ 1447511 w 4115796"/>
              <a:gd name="connsiteY0" fmla="*/ 0 h 2446390"/>
              <a:gd name="connsiteX1" fmla="*/ 4010750 w 4115796"/>
              <a:gd name="connsiteY1" fmla="*/ 0 h 2446390"/>
              <a:gd name="connsiteX2" fmla="*/ 4115796 w 4115796"/>
              <a:gd name="connsiteY2" fmla="*/ 105053 h 2446390"/>
              <a:gd name="connsiteX3" fmla="*/ 4115796 w 4115796"/>
              <a:gd name="connsiteY3" fmla="*/ 1602531 h 2446390"/>
              <a:gd name="connsiteX4" fmla="*/ 4100825 w 4115796"/>
              <a:gd name="connsiteY4" fmla="*/ 1656590 h 2446390"/>
              <a:gd name="connsiteX5" fmla="*/ 3656947 w 4115796"/>
              <a:gd name="connsiteY5" fmla="*/ 2396459 h 2446390"/>
              <a:gd name="connsiteX6" fmla="*/ 3618635 w 4115796"/>
              <a:gd name="connsiteY6" fmla="*/ 2433825 h 2446390"/>
              <a:gd name="connsiteX7" fmla="*/ 3570912 w 4115796"/>
              <a:gd name="connsiteY7" fmla="*/ 2446390 h 2446390"/>
              <a:gd name="connsiteX8" fmla="*/ 97411 w 4115796"/>
              <a:gd name="connsiteY8" fmla="*/ 2446390 h 2446390"/>
              <a:gd name="connsiteX9" fmla="*/ 76168 w 4115796"/>
              <a:gd name="connsiteY9" fmla="*/ 2443489 h 2446390"/>
              <a:gd name="connsiteX10" fmla="*/ 15128 w 4115796"/>
              <a:gd name="connsiteY10" fmla="*/ 2288342 h 2446390"/>
              <a:gd name="connsiteX11" fmla="*/ 1357436 w 4115796"/>
              <a:gd name="connsiteY11" fmla="*/ 50995 h 2446390"/>
              <a:gd name="connsiteX12" fmla="*/ 1447511 w 4115796"/>
              <a:gd name="connsiteY12" fmla="*/ 0 h 2446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15796" h="2446390">
                <a:moveTo>
                  <a:pt x="1447511" y="0"/>
                </a:moveTo>
                <a:lnTo>
                  <a:pt x="4010750" y="0"/>
                </a:lnTo>
                <a:cubicBezTo>
                  <a:pt x="4068758" y="0"/>
                  <a:pt x="4115796" y="47042"/>
                  <a:pt x="4115796" y="105053"/>
                </a:cubicBezTo>
                <a:lnTo>
                  <a:pt x="4115796" y="1602531"/>
                </a:lnTo>
                <a:cubicBezTo>
                  <a:pt x="4115796" y="1621580"/>
                  <a:pt x="4110633" y="1640259"/>
                  <a:pt x="4100825" y="1656590"/>
                </a:cubicBezTo>
                <a:lnTo>
                  <a:pt x="3656947" y="2396459"/>
                </a:lnTo>
                <a:cubicBezTo>
                  <a:pt x="3647460" y="2412284"/>
                  <a:pt x="3634168" y="2425032"/>
                  <a:pt x="3618635" y="2433825"/>
                </a:cubicBezTo>
                <a:lnTo>
                  <a:pt x="3570912" y="2446390"/>
                </a:lnTo>
                <a:lnTo>
                  <a:pt x="97411" y="2446390"/>
                </a:lnTo>
                <a:lnTo>
                  <a:pt x="76168" y="2443489"/>
                </a:lnTo>
                <a:cubicBezTo>
                  <a:pt x="12391" y="2425479"/>
                  <a:pt x="-21621" y="2349609"/>
                  <a:pt x="15128" y="2288342"/>
                </a:cubicBezTo>
                <a:lnTo>
                  <a:pt x="1357436" y="50995"/>
                </a:lnTo>
                <a:cubicBezTo>
                  <a:pt x="1376409" y="19345"/>
                  <a:pt x="1410601" y="0"/>
                  <a:pt x="1447511"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sp>
        <p:nvSpPr>
          <p:cNvPr id="3" name="Tittel 1">
            <a:extLst>
              <a:ext uri="{FF2B5EF4-FFF2-40B4-BE49-F238E27FC236}">
                <a16:creationId xmlns:a16="http://schemas.microsoft.com/office/drawing/2014/main" id="{7AE3BC8E-337B-2220-C0AF-CA7CE6B08E9E}"/>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pic>
        <p:nvPicPr>
          <p:cNvPr id="4" name="Bilde 2">
            <a:extLst>
              <a:ext uri="{FF2B5EF4-FFF2-40B4-BE49-F238E27FC236}">
                <a16:creationId xmlns:a16="http://schemas.microsoft.com/office/drawing/2014/main" id="{3EF04F09-B495-A207-B01F-23199FA153EC}"/>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76764415"/>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3 Tekster og bilder (v2)">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45" name="Plassholder for innhold 3">
            <a:extLst>
              <a:ext uri="{FF2B5EF4-FFF2-40B4-BE49-F238E27FC236}">
                <a16:creationId xmlns:a16="http://schemas.microsoft.com/office/drawing/2014/main" id="{D803BA19-787A-BF2B-4B32-3940DD68E852}"/>
              </a:ext>
            </a:extLst>
          </p:cNvPr>
          <p:cNvSpPr>
            <a:spLocks noGrp="1"/>
          </p:cNvSpPr>
          <p:nvPr>
            <p:ph sz="half" idx="2" hasCustomPrompt="1"/>
          </p:nvPr>
        </p:nvSpPr>
        <p:spPr>
          <a:xfrm>
            <a:off x="839789" y="4716000"/>
            <a:ext cx="3014582" cy="151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6" name="Plassholder for innhold 3">
            <a:extLst>
              <a:ext uri="{FF2B5EF4-FFF2-40B4-BE49-F238E27FC236}">
                <a16:creationId xmlns:a16="http://schemas.microsoft.com/office/drawing/2014/main" id="{2184F4D8-439E-8411-8CAC-50791DB90DBB}"/>
              </a:ext>
            </a:extLst>
          </p:cNvPr>
          <p:cNvSpPr>
            <a:spLocks noGrp="1"/>
          </p:cNvSpPr>
          <p:nvPr>
            <p:ph sz="half" idx="14" hasCustomPrompt="1"/>
          </p:nvPr>
        </p:nvSpPr>
        <p:spPr>
          <a:xfrm>
            <a:off x="4417200" y="4716000"/>
            <a:ext cx="3014582" cy="151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7" name="Plassholder for innhold 3">
            <a:extLst>
              <a:ext uri="{FF2B5EF4-FFF2-40B4-BE49-F238E27FC236}">
                <a16:creationId xmlns:a16="http://schemas.microsoft.com/office/drawing/2014/main" id="{716427F7-B558-E305-F237-770008E04BF9}"/>
              </a:ext>
            </a:extLst>
          </p:cNvPr>
          <p:cNvSpPr>
            <a:spLocks noGrp="1"/>
          </p:cNvSpPr>
          <p:nvPr>
            <p:ph sz="half" idx="16" hasCustomPrompt="1"/>
          </p:nvPr>
        </p:nvSpPr>
        <p:spPr>
          <a:xfrm>
            <a:off x="7999200" y="4716000"/>
            <a:ext cx="3014582" cy="151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8" name="Plassholder for tekst 2">
            <a:extLst>
              <a:ext uri="{FF2B5EF4-FFF2-40B4-BE49-F238E27FC236}">
                <a16:creationId xmlns:a16="http://schemas.microsoft.com/office/drawing/2014/main" id="{4C7E3C2E-8599-08BA-7124-C35BFD36608B}"/>
              </a:ext>
            </a:extLst>
          </p:cNvPr>
          <p:cNvSpPr>
            <a:spLocks noGrp="1"/>
          </p:cNvSpPr>
          <p:nvPr>
            <p:ph type="body" idx="1" hasCustomPrompt="1"/>
          </p:nvPr>
        </p:nvSpPr>
        <p:spPr>
          <a:xfrm>
            <a:off x="7999200" y="3996000"/>
            <a:ext cx="3014582" cy="601370"/>
          </a:xfrm>
        </p:spPr>
        <p:txBody>
          <a:bodyPr tIns="0" bIns="0" anchor="b">
            <a:noAutofit/>
          </a:bodyPr>
          <a:lstStyle>
            <a:lvl1pPr marL="0" indent="0" algn="l">
              <a:buNone/>
              <a:defRPr sz="20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49" name="Plassholder for tekst 2">
            <a:extLst>
              <a:ext uri="{FF2B5EF4-FFF2-40B4-BE49-F238E27FC236}">
                <a16:creationId xmlns:a16="http://schemas.microsoft.com/office/drawing/2014/main" id="{D9D54EDD-FD96-438A-C2B8-5E625E1C779A}"/>
              </a:ext>
            </a:extLst>
          </p:cNvPr>
          <p:cNvSpPr>
            <a:spLocks noGrp="1"/>
          </p:cNvSpPr>
          <p:nvPr>
            <p:ph type="body" idx="17" hasCustomPrompt="1"/>
          </p:nvPr>
        </p:nvSpPr>
        <p:spPr>
          <a:xfrm>
            <a:off x="4417200" y="3996000"/>
            <a:ext cx="3014582" cy="601370"/>
          </a:xfrm>
        </p:spPr>
        <p:txBody>
          <a:bodyPr tIns="0" bIns="0" anchor="b">
            <a:noAutofit/>
          </a:bodyPr>
          <a:lstStyle>
            <a:lvl1pPr marL="0" indent="0" algn="l">
              <a:buNone/>
              <a:defRPr sz="20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50" name="Plassholder for tekst 2">
            <a:extLst>
              <a:ext uri="{FF2B5EF4-FFF2-40B4-BE49-F238E27FC236}">
                <a16:creationId xmlns:a16="http://schemas.microsoft.com/office/drawing/2014/main" id="{321B0A13-19E8-6EAF-D8A6-C099FA37D055}"/>
              </a:ext>
            </a:extLst>
          </p:cNvPr>
          <p:cNvSpPr>
            <a:spLocks noGrp="1"/>
          </p:cNvSpPr>
          <p:nvPr>
            <p:ph type="body" idx="18" hasCustomPrompt="1"/>
          </p:nvPr>
        </p:nvSpPr>
        <p:spPr>
          <a:xfrm>
            <a:off x="834471" y="3996000"/>
            <a:ext cx="3014582" cy="601370"/>
          </a:xfrm>
        </p:spPr>
        <p:txBody>
          <a:bodyPr tIns="0" bIns="0" anchor="b">
            <a:noAutofit/>
          </a:bodyPr>
          <a:lstStyle>
            <a:lvl1pPr marL="0" indent="0" algn="l">
              <a:buNone/>
              <a:defRPr sz="20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12" name="Plassholder for bilde 11">
            <a:extLst>
              <a:ext uri="{FF2B5EF4-FFF2-40B4-BE49-F238E27FC236}">
                <a16:creationId xmlns:a16="http://schemas.microsoft.com/office/drawing/2014/main" id="{FDAD4CF8-FFD5-74CB-5990-00F5B5400630}"/>
              </a:ext>
            </a:extLst>
          </p:cNvPr>
          <p:cNvSpPr>
            <a:spLocks noGrp="1"/>
          </p:cNvSpPr>
          <p:nvPr>
            <p:ph type="pic" sz="quarter" idx="20" hasCustomPrompt="1"/>
          </p:nvPr>
        </p:nvSpPr>
        <p:spPr>
          <a:xfrm>
            <a:off x="836694" y="1440000"/>
            <a:ext cx="3830556" cy="2443918"/>
          </a:xfrm>
          <a:custGeom>
            <a:avLst/>
            <a:gdLst>
              <a:gd name="connsiteX0" fmla="*/ 548351 w 3830556"/>
              <a:gd name="connsiteY0" fmla="*/ 0 h 2443918"/>
              <a:gd name="connsiteX1" fmla="*/ 3726243 w 3830556"/>
              <a:gd name="connsiteY1" fmla="*/ 0 h 2443918"/>
              <a:gd name="connsiteX2" fmla="*/ 3817554 w 3830556"/>
              <a:gd name="connsiteY2" fmla="*/ 53222 h 2443918"/>
              <a:gd name="connsiteX3" fmla="*/ 3830556 w 3830556"/>
              <a:gd name="connsiteY3" fmla="*/ 101660 h 2443918"/>
              <a:gd name="connsiteX4" fmla="*/ 3830556 w 3830556"/>
              <a:gd name="connsiteY4" fmla="*/ 107359 h 2443918"/>
              <a:gd name="connsiteX5" fmla="*/ 3816224 w 3830556"/>
              <a:gd name="connsiteY5" fmla="*/ 158882 h 2443918"/>
              <a:gd name="connsiteX6" fmla="*/ 2948645 w 3830556"/>
              <a:gd name="connsiteY6" fmla="*/ 1604361 h 2443918"/>
              <a:gd name="connsiteX7" fmla="*/ 2933689 w 3830556"/>
              <a:gd name="connsiteY7" fmla="*/ 1658341 h 2443918"/>
              <a:gd name="connsiteX8" fmla="*/ 2933689 w 3830556"/>
              <a:gd name="connsiteY8" fmla="*/ 2339017 h 2443918"/>
              <a:gd name="connsiteX9" fmla="*/ 2828752 w 3830556"/>
              <a:gd name="connsiteY9" fmla="*/ 2443918 h 2443918"/>
              <a:gd name="connsiteX10" fmla="*/ 104937 w 3830556"/>
              <a:gd name="connsiteY10" fmla="*/ 2443918 h 2443918"/>
              <a:gd name="connsiteX11" fmla="*/ 0 w 3830556"/>
              <a:gd name="connsiteY11" fmla="*/ 2339017 h 2443918"/>
              <a:gd name="connsiteX12" fmla="*/ 0 w 3830556"/>
              <a:gd name="connsiteY12" fmla="*/ 843702 h 2443918"/>
              <a:gd name="connsiteX13" fmla="*/ 14956 w 3830556"/>
              <a:gd name="connsiteY13" fmla="*/ 789722 h 2443918"/>
              <a:gd name="connsiteX14" fmla="*/ 458370 w 3830556"/>
              <a:gd name="connsiteY14" fmla="*/ 50921 h 2443918"/>
              <a:gd name="connsiteX15" fmla="*/ 548351 w 3830556"/>
              <a:gd name="connsiteY15" fmla="*/ 0 h 24439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830556" h="2443918">
                <a:moveTo>
                  <a:pt x="548351" y="0"/>
                </a:moveTo>
                <a:lnTo>
                  <a:pt x="3726243" y="0"/>
                </a:lnTo>
                <a:cubicBezTo>
                  <a:pt x="3767026" y="0"/>
                  <a:pt x="3800010" y="22241"/>
                  <a:pt x="3817554" y="53222"/>
                </a:cubicBezTo>
                <a:lnTo>
                  <a:pt x="3830556" y="101660"/>
                </a:lnTo>
                <a:lnTo>
                  <a:pt x="3830556" y="107359"/>
                </a:lnTo>
                <a:lnTo>
                  <a:pt x="3816224" y="158882"/>
                </a:lnTo>
                <a:lnTo>
                  <a:pt x="2948645" y="1604361"/>
                </a:lnTo>
                <a:cubicBezTo>
                  <a:pt x="2938847" y="1620669"/>
                  <a:pt x="2933689" y="1639320"/>
                  <a:pt x="2933689" y="1658341"/>
                </a:cubicBezTo>
                <a:lnTo>
                  <a:pt x="2933689" y="2339017"/>
                </a:lnTo>
                <a:cubicBezTo>
                  <a:pt x="2933689" y="2396945"/>
                  <a:pt x="2886700" y="2443918"/>
                  <a:pt x="2828752" y="2443918"/>
                </a:cubicBezTo>
                <a:lnTo>
                  <a:pt x="104937" y="2443918"/>
                </a:lnTo>
                <a:cubicBezTo>
                  <a:pt x="46990" y="2443918"/>
                  <a:pt x="0" y="2396945"/>
                  <a:pt x="0" y="2339017"/>
                </a:cubicBezTo>
                <a:lnTo>
                  <a:pt x="0" y="843702"/>
                </a:lnTo>
                <a:cubicBezTo>
                  <a:pt x="0" y="824681"/>
                  <a:pt x="5183" y="806029"/>
                  <a:pt x="14956" y="789722"/>
                </a:cubicBezTo>
                <a:lnTo>
                  <a:pt x="458370" y="50921"/>
                </a:lnTo>
                <a:cubicBezTo>
                  <a:pt x="477324" y="19342"/>
                  <a:pt x="511480" y="0"/>
                  <a:pt x="548351"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sp>
        <p:nvSpPr>
          <p:cNvPr id="13" name="Plassholder for bilde 12">
            <a:extLst>
              <a:ext uri="{FF2B5EF4-FFF2-40B4-BE49-F238E27FC236}">
                <a16:creationId xmlns:a16="http://schemas.microsoft.com/office/drawing/2014/main" id="{8BD6D2F2-7E27-63B6-EE8C-A9E50E6A9049}"/>
              </a:ext>
            </a:extLst>
          </p:cNvPr>
          <p:cNvSpPr>
            <a:spLocks noGrp="1"/>
          </p:cNvSpPr>
          <p:nvPr>
            <p:ph type="pic" sz="quarter" idx="21" hasCustomPrompt="1"/>
          </p:nvPr>
        </p:nvSpPr>
        <p:spPr>
          <a:xfrm>
            <a:off x="3908358" y="1440000"/>
            <a:ext cx="4399712" cy="2443919"/>
          </a:xfrm>
          <a:custGeom>
            <a:avLst/>
            <a:gdLst>
              <a:gd name="connsiteX0" fmla="*/ 1037106 w 4399712"/>
              <a:gd name="connsiteY0" fmla="*/ 0 h 2443919"/>
              <a:gd name="connsiteX1" fmla="*/ 4294796 w 4399712"/>
              <a:gd name="connsiteY1" fmla="*/ 0 h 2443919"/>
              <a:gd name="connsiteX2" fmla="*/ 4391467 w 4399712"/>
              <a:gd name="connsiteY2" fmla="*/ 64073 h 2443919"/>
              <a:gd name="connsiteX3" fmla="*/ 4399712 w 4399712"/>
              <a:gd name="connsiteY3" fmla="*/ 104897 h 2443919"/>
              <a:gd name="connsiteX4" fmla="*/ 4399712 w 4399712"/>
              <a:gd name="connsiteY4" fmla="*/ 785581 h 2443919"/>
              <a:gd name="connsiteX5" fmla="*/ 4384760 w 4399712"/>
              <a:gd name="connsiteY5" fmla="*/ 839558 h 2443919"/>
              <a:gd name="connsiteX6" fmla="*/ 3452571 w 4399712"/>
              <a:gd name="connsiteY6" fmla="*/ 2392998 h 2443919"/>
              <a:gd name="connsiteX7" fmla="*/ 3362606 w 4399712"/>
              <a:gd name="connsiteY7" fmla="*/ 2443919 h 2443919"/>
              <a:gd name="connsiteX8" fmla="*/ 104917 w 4399712"/>
              <a:gd name="connsiteY8" fmla="*/ 2443919 h 2443919"/>
              <a:gd name="connsiteX9" fmla="*/ 0 w 4399712"/>
              <a:gd name="connsiteY9" fmla="*/ 2339018 h 2443919"/>
              <a:gd name="connsiteX10" fmla="*/ 0 w 4399712"/>
              <a:gd name="connsiteY10" fmla="*/ 1658342 h 2443919"/>
              <a:gd name="connsiteX11" fmla="*/ 14953 w 4399712"/>
              <a:gd name="connsiteY11" fmla="*/ 1604362 h 2443919"/>
              <a:gd name="connsiteX12" fmla="*/ 947142 w 4399712"/>
              <a:gd name="connsiteY12" fmla="*/ 50921 h 2443919"/>
              <a:gd name="connsiteX13" fmla="*/ 1037106 w 4399712"/>
              <a:gd name="connsiteY13" fmla="*/ 0 h 2443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399712" h="2443919">
                <a:moveTo>
                  <a:pt x="1037106" y="0"/>
                </a:moveTo>
                <a:lnTo>
                  <a:pt x="4294796" y="0"/>
                </a:lnTo>
                <a:cubicBezTo>
                  <a:pt x="4338248" y="0"/>
                  <a:pt x="4375538" y="26423"/>
                  <a:pt x="4391467" y="64073"/>
                </a:cubicBezTo>
                <a:lnTo>
                  <a:pt x="4399712" y="104897"/>
                </a:lnTo>
                <a:lnTo>
                  <a:pt x="4399712" y="785581"/>
                </a:lnTo>
                <a:lnTo>
                  <a:pt x="4384760" y="839558"/>
                </a:lnTo>
                <a:lnTo>
                  <a:pt x="3452571" y="2392998"/>
                </a:lnTo>
                <a:cubicBezTo>
                  <a:pt x="3433621" y="2424577"/>
                  <a:pt x="3399470" y="2443919"/>
                  <a:pt x="3362606" y="2443919"/>
                </a:cubicBezTo>
                <a:lnTo>
                  <a:pt x="104917" y="2443919"/>
                </a:lnTo>
                <a:cubicBezTo>
                  <a:pt x="46981" y="2443919"/>
                  <a:pt x="0" y="2396946"/>
                  <a:pt x="0" y="2339018"/>
                </a:cubicBezTo>
                <a:lnTo>
                  <a:pt x="0" y="1658342"/>
                </a:lnTo>
                <a:cubicBezTo>
                  <a:pt x="0" y="1639321"/>
                  <a:pt x="5157" y="1620669"/>
                  <a:pt x="14953" y="1604362"/>
                </a:cubicBezTo>
                <a:lnTo>
                  <a:pt x="947142" y="50921"/>
                </a:lnTo>
                <a:cubicBezTo>
                  <a:pt x="966092" y="19342"/>
                  <a:pt x="1000242" y="0"/>
                  <a:pt x="1037106"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sp>
        <p:nvSpPr>
          <p:cNvPr id="17" name="Plassholder for bilde 16">
            <a:extLst>
              <a:ext uri="{FF2B5EF4-FFF2-40B4-BE49-F238E27FC236}">
                <a16:creationId xmlns:a16="http://schemas.microsoft.com/office/drawing/2014/main" id="{D4A7F752-6730-DA5D-7E66-6B2420BADC72}"/>
              </a:ext>
            </a:extLst>
          </p:cNvPr>
          <p:cNvSpPr>
            <a:spLocks noGrp="1"/>
          </p:cNvSpPr>
          <p:nvPr>
            <p:ph type="pic" sz="quarter" idx="22" hasCustomPrompt="1"/>
          </p:nvPr>
        </p:nvSpPr>
        <p:spPr>
          <a:xfrm>
            <a:off x="7549310" y="1440000"/>
            <a:ext cx="3830407" cy="2443340"/>
          </a:xfrm>
          <a:custGeom>
            <a:avLst/>
            <a:gdLst>
              <a:gd name="connsiteX0" fmla="*/ 1002348 w 3830407"/>
              <a:gd name="connsiteY0" fmla="*/ 0 h 2443340"/>
              <a:gd name="connsiteX1" fmla="*/ 3725495 w 3830407"/>
              <a:gd name="connsiteY1" fmla="*/ 0 h 2443340"/>
              <a:gd name="connsiteX2" fmla="*/ 3830407 w 3830407"/>
              <a:gd name="connsiteY2" fmla="*/ 104877 h 2443340"/>
              <a:gd name="connsiteX3" fmla="*/ 3830407 w 3830407"/>
              <a:gd name="connsiteY3" fmla="*/ 1599838 h 2443340"/>
              <a:gd name="connsiteX4" fmla="*/ 3815455 w 3830407"/>
              <a:gd name="connsiteY4" fmla="*/ 1653806 h 2443340"/>
              <a:gd name="connsiteX5" fmla="*/ 3372145 w 3830407"/>
              <a:gd name="connsiteY5" fmla="*/ 2392431 h 2443340"/>
              <a:gd name="connsiteX6" fmla="*/ 3372170 w 3830407"/>
              <a:gd name="connsiteY6" fmla="*/ 2392431 h 2443340"/>
              <a:gd name="connsiteX7" fmla="*/ 3282210 w 3830407"/>
              <a:gd name="connsiteY7" fmla="*/ 2443340 h 2443340"/>
              <a:gd name="connsiteX8" fmla="*/ 105069 w 3830407"/>
              <a:gd name="connsiteY8" fmla="*/ 2443340 h 2443340"/>
              <a:gd name="connsiteX9" fmla="*/ 15109 w 3830407"/>
              <a:gd name="connsiteY9" fmla="*/ 2284496 h 2443340"/>
              <a:gd name="connsiteX10" fmla="*/ 882484 w 3830407"/>
              <a:gd name="connsiteY10" fmla="*/ 839359 h 2443340"/>
              <a:gd name="connsiteX11" fmla="*/ 897436 w 3830407"/>
              <a:gd name="connsiteY11" fmla="*/ 785391 h 2443340"/>
              <a:gd name="connsiteX12" fmla="*/ 897436 w 3830407"/>
              <a:gd name="connsiteY12" fmla="*/ 104877 h 2443340"/>
              <a:gd name="connsiteX13" fmla="*/ 1002348 w 3830407"/>
              <a:gd name="connsiteY13" fmla="*/ 0 h 2443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3830407" h="2443340">
                <a:moveTo>
                  <a:pt x="1002348" y="0"/>
                </a:moveTo>
                <a:lnTo>
                  <a:pt x="3725495" y="0"/>
                </a:lnTo>
                <a:cubicBezTo>
                  <a:pt x="3783429" y="0"/>
                  <a:pt x="3830407" y="46963"/>
                  <a:pt x="3830407" y="104877"/>
                </a:cubicBezTo>
                <a:lnTo>
                  <a:pt x="3830407" y="1599838"/>
                </a:lnTo>
                <a:cubicBezTo>
                  <a:pt x="3830407" y="1618855"/>
                  <a:pt x="3825226" y="1637502"/>
                  <a:pt x="3815455" y="1653806"/>
                </a:cubicBezTo>
                <a:lnTo>
                  <a:pt x="3372145" y="2392431"/>
                </a:lnTo>
                <a:lnTo>
                  <a:pt x="3372170" y="2392431"/>
                </a:lnTo>
                <a:cubicBezTo>
                  <a:pt x="3353220" y="2424003"/>
                  <a:pt x="3319072" y="2443340"/>
                  <a:pt x="3282210" y="2443340"/>
                </a:cubicBezTo>
                <a:lnTo>
                  <a:pt x="105069" y="2443340"/>
                </a:lnTo>
                <a:cubicBezTo>
                  <a:pt x="23523" y="2443340"/>
                  <a:pt x="-26836" y="2354398"/>
                  <a:pt x="15109" y="2284496"/>
                </a:cubicBezTo>
                <a:lnTo>
                  <a:pt x="882484" y="839359"/>
                </a:lnTo>
                <a:cubicBezTo>
                  <a:pt x="892279" y="823055"/>
                  <a:pt x="897436" y="804408"/>
                  <a:pt x="897436" y="785391"/>
                </a:cubicBezTo>
                <a:lnTo>
                  <a:pt x="897436" y="104877"/>
                </a:lnTo>
                <a:cubicBezTo>
                  <a:pt x="897436" y="46963"/>
                  <a:pt x="944414" y="0"/>
                  <a:pt x="1002348"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sp>
        <p:nvSpPr>
          <p:cNvPr id="3" name="Tittel 1">
            <a:extLst>
              <a:ext uri="{FF2B5EF4-FFF2-40B4-BE49-F238E27FC236}">
                <a16:creationId xmlns:a16="http://schemas.microsoft.com/office/drawing/2014/main" id="{12A3365F-497D-A274-20B3-AFC779FE22FB}"/>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pic>
        <p:nvPicPr>
          <p:cNvPr id="4" name="Bilde 2">
            <a:extLst>
              <a:ext uri="{FF2B5EF4-FFF2-40B4-BE49-F238E27FC236}">
                <a16:creationId xmlns:a16="http://schemas.microsoft.com/office/drawing/2014/main" id="{8B12C054-C51E-A010-CA0D-734EFDCC55A5}"/>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1968325830"/>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3 Tekster og bilder (v3)">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45" name="Plassholder for innhold 3">
            <a:extLst>
              <a:ext uri="{FF2B5EF4-FFF2-40B4-BE49-F238E27FC236}">
                <a16:creationId xmlns:a16="http://schemas.microsoft.com/office/drawing/2014/main" id="{D803BA19-787A-BF2B-4B32-3940DD68E852}"/>
              </a:ext>
            </a:extLst>
          </p:cNvPr>
          <p:cNvSpPr>
            <a:spLocks noGrp="1"/>
          </p:cNvSpPr>
          <p:nvPr>
            <p:ph sz="half" idx="2" hasCustomPrompt="1"/>
          </p:nvPr>
        </p:nvSpPr>
        <p:spPr>
          <a:xfrm>
            <a:off x="839789" y="4716000"/>
            <a:ext cx="3431924" cy="151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6" name="Plassholder for innhold 3">
            <a:extLst>
              <a:ext uri="{FF2B5EF4-FFF2-40B4-BE49-F238E27FC236}">
                <a16:creationId xmlns:a16="http://schemas.microsoft.com/office/drawing/2014/main" id="{2184F4D8-439E-8411-8CAC-50791DB90DBB}"/>
              </a:ext>
            </a:extLst>
          </p:cNvPr>
          <p:cNvSpPr>
            <a:spLocks noGrp="1"/>
          </p:cNvSpPr>
          <p:nvPr>
            <p:ph sz="half" idx="14" hasCustomPrompt="1"/>
          </p:nvPr>
        </p:nvSpPr>
        <p:spPr>
          <a:xfrm>
            <a:off x="4421750" y="4716000"/>
            <a:ext cx="3431924" cy="151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7" name="Plassholder for innhold 3">
            <a:extLst>
              <a:ext uri="{FF2B5EF4-FFF2-40B4-BE49-F238E27FC236}">
                <a16:creationId xmlns:a16="http://schemas.microsoft.com/office/drawing/2014/main" id="{716427F7-B558-E305-F237-770008E04BF9}"/>
              </a:ext>
            </a:extLst>
          </p:cNvPr>
          <p:cNvSpPr>
            <a:spLocks noGrp="1"/>
          </p:cNvSpPr>
          <p:nvPr>
            <p:ph sz="half" idx="16" hasCustomPrompt="1"/>
          </p:nvPr>
        </p:nvSpPr>
        <p:spPr>
          <a:xfrm>
            <a:off x="7997827" y="4716000"/>
            <a:ext cx="3354386" cy="151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48" name="Plassholder for tekst 2">
            <a:extLst>
              <a:ext uri="{FF2B5EF4-FFF2-40B4-BE49-F238E27FC236}">
                <a16:creationId xmlns:a16="http://schemas.microsoft.com/office/drawing/2014/main" id="{4C7E3C2E-8599-08BA-7124-C35BFD36608B}"/>
              </a:ext>
            </a:extLst>
          </p:cNvPr>
          <p:cNvSpPr>
            <a:spLocks noGrp="1"/>
          </p:cNvSpPr>
          <p:nvPr>
            <p:ph type="body" idx="1" hasCustomPrompt="1"/>
          </p:nvPr>
        </p:nvSpPr>
        <p:spPr>
          <a:xfrm>
            <a:off x="7997827" y="3996000"/>
            <a:ext cx="3354386" cy="601370"/>
          </a:xfrm>
        </p:spPr>
        <p:txBody>
          <a:bodyPr tIns="0" bIns="0" anchor="b">
            <a:noAutofit/>
          </a:bodyPr>
          <a:lstStyle>
            <a:lvl1pPr marL="0" indent="0" algn="l">
              <a:buNone/>
              <a:defRPr sz="20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49" name="Plassholder for tekst 2">
            <a:extLst>
              <a:ext uri="{FF2B5EF4-FFF2-40B4-BE49-F238E27FC236}">
                <a16:creationId xmlns:a16="http://schemas.microsoft.com/office/drawing/2014/main" id="{D9D54EDD-FD96-438A-C2B8-5E625E1C779A}"/>
              </a:ext>
            </a:extLst>
          </p:cNvPr>
          <p:cNvSpPr>
            <a:spLocks noGrp="1"/>
          </p:cNvSpPr>
          <p:nvPr>
            <p:ph type="body" idx="17" hasCustomPrompt="1"/>
          </p:nvPr>
        </p:nvSpPr>
        <p:spPr>
          <a:xfrm>
            <a:off x="4416551" y="3996000"/>
            <a:ext cx="3431924" cy="601370"/>
          </a:xfrm>
        </p:spPr>
        <p:txBody>
          <a:bodyPr tIns="0" bIns="0" anchor="b">
            <a:noAutofit/>
          </a:bodyPr>
          <a:lstStyle>
            <a:lvl1pPr marL="0" indent="0" algn="l">
              <a:buNone/>
              <a:defRPr sz="20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50" name="Plassholder for tekst 2">
            <a:extLst>
              <a:ext uri="{FF2B5EF4-FFF2-40B4-BE49-F238E27FC236}">
                <a16:creationId xmlns:a16="http://schemas.microsoft.com/office/drawing/2014/main" id="{321B0A13-19E8-6EAF-D8A6-C099FA37D055}"/>
              </a:ext>
            </a:extLst>
          </p:cNvPr>
          <p:cNvSpPr>
            <a:spLocks noGrp="1"/>
          </p:cNvSpPr>
          <p:nvPr>
            <p:ph type="body" idx="18" hasCustomPrompt="1"/>
          </p:nvPr>
        </p:nvSpPr>
        <p:spPr>
          <a:xfrm>
            <a:off x="834471" y="3996000"/>
            <a:ext cx="3431924" cy="601370"/>
          </a:xfrm>
        </p:spPr>
        <p:txBody>
          <a:bodyPr tIns="0" bIns="0" anchor="b">
            <a:noAutofit/>
          </a:bodyPr>
          <a:lstStyle>
            <a:lvl1pPr marL="0" indent="0" algn="l">
              <a:buNone/>
              <a:defRPr sz="20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3 Overskrift</a:t>
            </a:r>
          </a:p>
        </p:txBody>
      </p:sp>
      <p:sp>
        <p:nvSpPr>
          <p:cNvPr id="57" name="Plassholder for bilde 56">
            <a:extLst>
              <a:ext uri="{FF2B5EF4-FFF2-40B4-BE49-F238E27FC236}">
                <a16:creationId xmlns:a16="http://schemas.microsoft.com/office/drawing/2014/main" id="{35E2E2E9-C287-ADEC-0E99-EC0A6AAD127F}"/>
              </a:ext>
            </a:extLst>
          </p:cNvPr>
          <p:cNvSpPr>
            <a:spLocks noGrp="1"/>
          </p:cNvSpPr>
          <p:nvPr>
            <p:ph type="pic" sz="quarter" idx="20" hasCustomPrompt="1"/>
          </p:nvPr>
        </p:nvSpPr>
        <p:spPr>
          <a:xfrm>
            <a:off x="835276" y="1440000"/>
            <a:ext cx="3431925" cy="2451127"/>
          </a:xfrm>
          <a:custGeom>
            <a:avLst/>
            <a:gdLst>
              <a:gd name="connsiteX0" fmla="*/ 549879 w 3431925"/>
              <a:gd name="connsiteY0" fmla="*/ 0 h 2451127"/>
              <a:gd name="connsiteX1" fmla="*/ 3326944 w 3431925"/>
              <a:gd name="connsiteY1" fmla="*/ 0 h 2451127"/>
              <a:gd name="connsiteX2" fmla="*/ 3423904 w 3431925"/>
              <a:gd name="connsiteY2" fmla="*/ 64267 h 2451127"/>
              <a:gd name="connsiteX3" fmla="*/ 3431925 w 3431925"/>
              <a:gd name="connsiteY3" fmla="*/ 103986 h 2451127"/>
              <a:gd name="connsiteX4" fmla="*/ 3431925 w 3431925"/>
              <a:gd name="connsiteY4" fmla="*/ 2347355 h 2451127"/>
              <a:gd name="connsiteX5" fmla="*/ 3423904 w 3431925"/>
              <a:gd name="connsiteY5" fmla="*/ 2387075 h 2451127"/>
              <a:gd name="connsiteX6" fmla="*/ 3367901 w 3431925"/>
              <a:gd name="connsiteY6" fmla="*/ 2443071 h 2451127"/>
              <a:gd name="connsiteX7" fmla="*/ 3328004 w 3431925"/>
              <a:gd name="connsiteY7" fmla="*/ 2451127 h 2451127"/>
              <a:gd name="connsiteX8" fmla="*/ 2555722 w 3431925"/>
              <a:gd name="connsiteY8" fmla="*/ 2451127 h 2451127"/>
              <a:gd name="connsiteX9" fmla="*/ 2515825 w 3431925"/>
              <a:gd name="connsiteY9" fmla="*/ 2443071 h 2451127"/>
              <a:gd name="connsiteX10" fmla="*/ 2451552 w 3431925"/>
              <a:gd name="connsiteY10" fmla="*/ 2346122 h 2451127"/>
              <a:gd name="connsiteX11" fmla="*/ 2451552 w 3431925"/>
              <a:gd name="connsiteY11" fmla="*/ 2014108 h 2451127"/>
              <a:gd name="connsiteX12" fmla="*/ 2256092 w 3431925"/>
              <a:gd name="connsiteY12" fmla="*/ 1959964 h 2451127"/>
              <a:gd name="connsiteX13" fmla="*/ 1991905 w 3431925"/>
              <a:gd name="connsiteY13" fmla="*/ 2400241 h 2451127"/>
              <a:gd name="connsiteX14" fmla="*/ 1953527 w 3431925"/>
              <a:gd name="connsiteY14" fmla="*/ 2437657 h 2451127"/>
              <a:gd name="connsiteX15" fmla="*/ 1902391 w 3431925"/>
              <a:gd name="connsiteY15" fmla="*/ 2451127 h 2451127"/>
              <a:gd name="connsiteX16" fmla="*/ 104293 w 3431925"/>
              <a:gd name="connsiteY16" fmla="*/ 2451127 h 2451127"/>
              <a:gd name="connsiteX17" fmla="*/ 64273 w 3431925"/>
              <a:gd name="connsiteY17" fmla="*/ 2443047 h 2451127"/>
              <a:gd name="connsiteX18" fmla="*/ 0 w 3431925"/>
              <a:gd name="connsiteY18" fmla="*/ 2346097 h 2451127"/>
              <a:gd name="connsiteX19" fmla="*/ 0 w 3431925"/>
              <a:gd name="connsiteY19" fmla="*/ 846256 h 2451127"/>
              <a:gd name="connsiteX20" fmla="*/ 14997 w 3431925"/>
              <a:gd name="connsiteY20" fmla="*/ 792112 h 2451127"/>
              <a:gd name="connsiteX21" fmla="*/ 459647 w 3431925"/>
              <a:gd name="connsiteY21" fmla="*/ 51075 h 2451127"/>
              <a:gd name="connsiteX22" fmla="*/ 549879 w 3431925"/>
              <a:gd name="connsiteY22" fmla="*/ 0 h 24511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3431925" h="2451127">
                <a:moveTo>
                  <a:pt x="549879" y="0"/>
                </a:moveTo>
                <a:lnTo>
                  <a:pt x="3326944" y="0"/>
                </a:lnTo>
                <a:cubicBezTo>
                  <a:pt x="3370526" y="0"/>
                  <a:pt x="3407927" y="26503"/>
                  <a:pt x="3423904" y="64267"/>
                </a:cubicBezTo>
                <a:lnTo>
                  <a:pt x="3431925" y="103986"/>
                </a:lnTo>
                <a:lnTo>
                  <a:pt x="3431925" y="2347355"/>
                </a:lnTo>
                <a:lnTo>
                  <a:pt x="3423904" y="2387075"/>
                </a:lnTo>
                <a:cubicBezTo>
                  <a:pt x="3413253" y="2412250"/>
                  <a:pt x="3393080" y="2432421"/>
                  <a:pt x="3367901" y="2443071"/>
                </a:cubicBezTo>
                <a:lnTo>
                  <a:pt x="3328004" y="2451127"/>
                </a:lnTo>
                <a:lnTo>
                  <a:pt x="2555722" y="2451127"/>
                </a:lnTo>
                <a:lnTo>
                  <a:pt x="2515825" y="2443071"/>
                </a:lnTo>
                <a:cubicBezTo>
                  <a:pt x="2478058" y="2427096"/>
                  <a:pt x="2451552" y="2389699"/>
                  <a:pt x="2451552" y="2346122"/>
                </a:cubicBezTo>
                <a:lnTo>
                  <a:pt x="2451552" y="2014108"/>
                </a:lnTo>
                <a:cubicBezTo>
                  <a:pt x="2451552" y="1907379"/>
                  <a:pt x="2311008" y="1868454"/>
                  <a:pt x="2256092" y="1959964"/>
                </a:cubicBezTo>
                <a:lnTo>
                  <a:pt x="1991905" y="2400241"/>
                </a:lnTo>
                <a:cubicBezTo>
                  <a:pt x="1982402" y="2416079"/>
                  <a:pt x="1969087" y="2428847"/>
                  <a:pt x="1953527" y="2437657"/>
                </a:cubicBezTo>
                <a:lnTo>
                  <a:pt x="1902391" y="2451127"/>
                </a:lnTo>
                <a:lnTo>
                  <a:pt x="104293" y="2451127"/>
                </a:lnTo>
                <a:lnTo>
                  <a:pt x="64273" y="2443047"/>
                </a:lnTo>
                <a:cubicBezTo>
                  <a:pt x="26505" y="2427072"/>
                  <a:pt x="0" y="2389674"/>
                  <a:pt x="0" y="2346097"/>
                </a:cubicBezTo>
                <a:lnTo>
                  <a:pt x="0" y="846256"/>
                </a:lnTo>
                <a:cubicBezTo>
                  <a:pt x="0" y="827177"/>
                  <a:pt x="5197" y="808470"/>
                  <a:pt x="14997" y="792112"/>
                </a:cubicBezTo>
                <a:lnTo>
                  <a:pt x="459647" y="51075"/>
                </a:lnTo>
                <a:cubicBezTo>
                  <a:pt x="478654" y="19400"/>
                  <a:pt x="512905" y="0"/>
                  <a:pt x="549879"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59" name="Plassholder for bilde 58">
            <a:extLst>
              <a:ext uri="{FF2B5EF4-FFF2-40B4-BE49-F238E27FC236}">
                <a16:creationId xmlns:a16="http://schemas.microsoft.com/office/drawing/2014/main" id="{82CB5698-CB5D-5487-1D34-525BE806C3A2}"/>
              </a:ext>
            </a:extLst>
          </p:cNvPr>
          <p:cNvSpPr>
            <a:spLocks noGrp="1"/>
          </p:cNvSpPr>
          <p:nvPr>
            <p:ph type="pic" sz="quarter" idx="21" hasCustomPrompt="1"/>
          </p:nvPr>
        </p:nvSpPr>
        <p:spPr>
          <a:xfrm>
            <a:off x="4416551" y="1440000"/>
            <a:ext cx="3432174" cy="2451127"/>
          </a:xfrm>
          <a:custGeom>
            <a:avLst/>
            <a:gdLst>
              <a:gd name="connsiteX0" fmla="*/ 105229 w 3432174"/>
              <a:gd name="connsiteY0" fmla="*/ 0 h 2451127"/>
              <a:gd name="connsiteX1" fmla="*/ 3326944 w 3432174"/>
              <a:gd name="connsiteY1" fmla="*/ 0 h 2451127"/>
              <a:gd name="connsiteX2" fmla="*/ 3432174 w 3432174"/>
              <a:gd name="connsiteY2" fmla="*/ 105219 h 2451127"/>
              <a:gd name="connsiteX3" fmla="*/ 3432174 w 3432174"/>
              <a:gd name="connsiteY3" fmla="*/ 2346097 h 2451127"/>
              <a:gd name="connsiteX4" fmla="*/ 3367904 w 3432174"/>
              <a:gd name="connsiteY4" fmla="*/ 2443048 h 2451127"/>
              <a:gd name="connsiteX5" fmla="*/ 3327880 w 3432174"/>
              <a:gd name="connsiteY5" fmla="*/ 2451127 h 2451127"/>
              <a:gd name="connsiteX6" fmla="*/ 104293 w 3432174"/>
              <a:gd name="connsiteY6" fmla="*/ 2451127 h 2451127"/>
              <a:gd name="connsiteX7" fmla="*/ 64269 w 3432174"/>
              <a:gd name="connsiteY7" fmla="*/ 2443048 h 2451127"/>
              <a:gd name="connsiteX8" fmla="*/ 0 w 3432174"/>
              <a:gd name="connsiteY8" fmla="*/ 2346097 h 2451127"/>
              <a:gd name="connsiteX9" fmla="*/ 0 w 3432174"/>
              <a:gd name="connsiteY9" fmla="*/ 105219 h 2451127"/>
              <a:gd name="connsiteX10" fmla="*/ 105229 w 3432174"/>
              <a:gd name="connsiteY10" fmla="*/ 0 h 24511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432174" h="2451127">
                <a:moveTo>
                  <a:pt x="105229" y="0"/>
                </a:moveTo>
                <a:lnTo>
                  <a:pt x="3326944" y="0"/>
                </a:lnTo>
                <a:cubicBezTo>
                  <a:pt x="3385061" y="0"/>
                  <a:pt x="3432174" y="47108"/>
                  <a:pt x="3432174" y="105219"/>
                </a:cubicBezTo>
                <a:lnTo>
                  <a:pt x="3432174" y="2346097"/>
                </a:lnTo>
                <a:cubicBezTo>
                  <a:pt x="3432174" y="2389680"/>
                  <a:pt x="3405673" y="2427074"/>
                  <a:pt x="3367904" y="2443048"/>
                </a:cubicBezTo>
                <a:lnTo>
                  <a:pt x="3327880" y="2451127"/>
                </a:lnTo>
                <a:lnTo>
                  <a:pt x="104293" y="2451127"/>
                </a:lnTo>
                <a:lnTo>
                  <a:pt x="64269" y="2443048"/>
                </a:lnTo>
                <a:cubicBezTo>
                  <a:pt x="26501" y="2427074"/>
                  <a:pt x="0" y="2389680"/>
                  <a:pt x="0" y="2346097"/>
                </a:cubicBezTo>
                <a:lnTo>
                  <a:pt x="0" y="105219"/>
                </a:lnTo>
                <a:cubicBezTo>
                  <a:pt x="0" y="47108"/>
                  <a:pt x="47113" y="0"/>
                  <a:pt x="105229"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60" name="Plassholder for bilde 59">
            <a:extLst>
              <a:ext uri="{FF2B5EF4-FFF2-40B4-BE49-F238E27FC236}">
                <a16:creationId xmlns:a16="http://schemas.microsoft.com/office/drawing/2014/main" id="{5DA9F940-49AE-8A0B-CEFD-A40491F4C0B2}"/>
              </a:ext>
            </a:extLst>
          </p:cNvPr>
          <p:cNvSpPr>
            <a:spLocks noGrp="1"/>
          </p:cNvSpPr>
          <p:nvPr>
            <p:ph type="pic" sz="quarter" idx="22" hasCustomPrompt="1"/>
          </p:nvPr>
        </p:nvSpPr>
        <p:spPr>
          <a:xfrm>
            <a:off x="7997827" y="1440000"/>
            <a:ext cx="3432174" cy="2451127"/>
          </a:xfrm>
          <a:custGeom>
            <a:avLst/>
            <a:gdLst>
              <a:gd name="connsiteX0" fmla="*/ 105229 w 3432174"/>
              <a:gd name="connsiteY0" fmla="*/ 0 h 2451127"/>
              <a:gd name="connsiteX1" fmla="*/ 875392 w 3432174"/>
              <a:gd name="connsiteY1" fmla="*/ 0 h 2451127"/>
              <a:gd name="connsiteX2" fmla="*/ 980621 w 3432174"/>
              <a:gd name="connsiteY2" fmla="*/ 105219 h 2451127"/>
              <a:gd name="connsiteX3" fmla="*/ 980621 w 3432174"/>
              <a:gd name="connsiteY3" fmla="*/ 437208 h 2451127"/>
              <a:gd name="connsiteX4" fmla="*/ 1176082 w 3432174"/>
              <a:gd name="connsiteY4" fmla="*/ 491352 h 2451127"/>
              <a:gd name="connsiteX5" fmla="*/ 1440268 w 3432174"/>
              <a:gd name="connsiteY5" fmla="*/ 51075 h 2451127"/>
              <a:gd name="connsiteX6" fmla="*/ 1530500 w 3432174"/>
              <a:gd name="connsiteY6" fmla="*/ 0 h 2451127"/>
              <a:gd name="connsiteX7" fmla="*/ 3326944 w 3432174"/>
              <a:gd name="connsiteY7" fmla="*/ 0 h 2451127"/>
              <a:gd name="connsiteX8" fmla="*/ 3432174 w 3432174"/>
              <a:gd name="connsiteY8" fmla="*/ 105219 h 2451127"/>
              <a:gd name="connsiteX9" fmla="*/ 3432174 w 3432174"/>
              <a:gd name="connsiteY9" fmla="*/ 1605060 h 2451127"/>
              <a:gd name="connsiteX10" fmla="*/ 3417176 w 3432174"/>
              <a:gd name="connsiteY10" fmla="*/ 1659204 h 2451127"/>
              <a:gd name="connsiteX11" fmla="*/ 2972526 w 3432174"/>
              <a:gd name="connsiteY11" fmla="*/ 2400241 h 2451127"/>
              <a:gd name="connsiteX12" fmla="*/ 2934148 w 3432174"/>
              <a:gd name="connsiteY12" fmla="*/ 2437657 h 2451127"/>
              <a:gd name="connsiteX13" fmla="*/ 2883012 w 3432174"/>
              <a:gd name="connsiteY13" fmla="*/ 2451127 h 2451127"/>
              <a:gd name="connsiteX14" fmla="*/ 104293 w 3432174"/>
              <a:gd name="connsiteY14" fmla="*/ 2451127 h 2451127"/>
              <a:gd name="connsiteX15" fmla="*/ 64273 w 3432174"/>
              <a:gd name="connsiteY15" fmla="*/ 2443046 h 2451127"/>
              <a:gd name="connsiteX16" fmla="*/ 0 w 3432174"/>
              <a:gd name="connsiteY16" fmla="*/ 2346097 h 2451127"/>
              <a:gd name="connsiteX17" fmla="*/ 0 w 3432174"/>
              <a:gd name="connsiteY17" fmla="*/ 105219 h 2451127"/>
              <a:gd name="connsiteX18" fmla="*/ 105229 w 3432174"/>
              <a:gd name="connsiteY18" fmla="*/ 0 h 24511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432174" h="2451127">
                <a:moveTo>
                  <a:pt x="105229" y="0"/>
                </a:moveTo>
                <a:lnTo>
                  <a:pt x="875392" y="0"/>
                </a:lnTo>
                <a:cubicBezTo>
                  <a:pt x="933501" y="0"/>
                  <a:pt x="980621" y="47116"/>
                  <a:pt x="980621" y="105219"/>
                </a:cubicBezTo>
                <a:lnTo>
                  <a:pt x="980621" y="437208"/>
                </a:lnTo>
                <a:cubicBezTo>
                  <a:pt x="980621" y="543937"/>
                  <a:pt x="1121166" y="582862"/>
                  <a:pt x="1176082" y="491352"/>
                </a:cubicBezTo>
                <a:lnTo>
                  <a:pt x="1440268" y="51075"/>
                </a:lnTo>
                <a:cubicBezTo>
                  <a:pt x="1459275" y="19400"/>
                  <a:pt x="1493526" y="0"/>
                  <a:pt x="1530500" y="0"/>
                </a:cubicBezTo>
                <a:lnTo>
                  <a:pt x="3326944" y="0"/>
                </a:lnTo>
                <a:cubicBezTo>
                  <a:pt x="3385053" y="0"/>
                  <a:pt x="3432174" y="47116"/>
                  <a:pt x="3432174" y="105219"/>
                </a:cubicBezTo>
                <a:lnTo>
                  <a:pt x="3432174" y="1605060"/>
                </a:lnTo>
                <a:cubicBezTo>
                  <a:pt x="3432174" y="1624140"/>
                  <a:pt x="3426977" y="1642847"/>
                  <a:pt x="3417176" y="1659204"/>
                </a:cubicBezTo>
                <a:lnTo>
                  <a:pt x="2972526" y="2400241"/>
                </a:lnTo>
                <a:cubicBezTo>
                  <a:pt x="2963023" y="2416079"/>
                  <a:pt x="2949708" y="2428847"/>
                  <a:pt x="2934148" y="2437657"/>
                </a:cubicBezTo>
                <a:lnTo>
                  <a:pt x="2883012" y="2451127"/>
                </a:lnTo>
                <a:lnTo>
                  <a:pt x="104293" y="2451127"/>
                </a:lnTo>
                <a:lnTo>
                  <a:pt x="64273" y="2443046"/>
                </a:lnTo>
                <a:cubicBezTo>
                  <a:pt x="26506" y="2427071"/>
                  <a:pt x="0" y="2389674"/>
                  <a:pt x="0" y="2346097"/>
                </a:cubicBezTo>
                <a:lnTo>
                  <a:pt x="0" y="105219"/>
                </a:lnTo>
                <a:cubicBezTo>
                  <a:pt x="0" y="47116"/>
                  <a:pt x="47121" y="0"/>
                  <a:pt x="105229"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3" name="Tittel 1">
            <a:extLst>
              <a:ext uri="{FF2B5EF4-FFF2-40B4-BE49-F238E27FC236}">
                <a16:creationId xmlns:a16="http://schemas.microsoft.com/office/drawing/2014/main" id="{B3A0DF41-453F-C4CC-F064-5F0B4797019B}"/>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pic>
        <p:nvPicPr>
          <p:cNvPr id="4" name="Bilde 2">
            <a:extLst>
              <a:ext uri="{FF2B5EF4-FFF2-40B4-BE49-F238E27FC236}">
                <a16:creationId xmlns:a16="http://schemas.microsoft.com/office/drawing/2014/main" id="{168B2328-BA91-AB0B-15A0-752EC56430D7}"/>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541714554"/>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3 Tekster og bilder (v4)">
    <p:spTree>
      <p:nvGrpSpPr>
        <p:cNvPr id="1" name=""/>
        <p:cNvGrpSpPr/>
        <p:nvPr/>
      </p:nvGrpSpPr>
      <p:grpSpPr>
        <a:xfrm>
          <a:off x="0" y="0"/>
          <a:ext cx="0" cy="0"/>
          <a:chOff x="0" y="0"/>
          <a:chExt cx="0" cy="0"/>
        </a:xfrm>
      </p:grpSpPr>
      <p:sp>
        <p:nvSpPr>
          <p:cNvPr id="3" name="Plassholder for tekst 2">
            <a:extLst>
              <a:ext uri="{FF2B5EF4-FFF2-40B4-BE49-F238E27FC236}">
                <a16:creationId xmlns:a16="http://schemas.microsoft.com/office/drawing/2014/main" id="{86E2B3C6-9D86-9A92-BE07-9365AEC0262F}"/>
              </a:ext>
            </a:extLst>
          </p:cNvPr>
          <p:cNvSpPr>
            <a:spLocks noGrp="1"/>
          </p:cNvSpPr>
          <p:nvPr>
            <p:ph type="body" idx="1" hasCustomPrompt="1"/>
          </p:nvPr>
        </p:nvSpPr>
        <p:spPr>
          <a:xfrm>
            <a:off x="839789" y="1439999"/>
            <a:ext cx="3014582" cy="720000"/>
          </a:xfrm>
        </p:spPr>
        <p:txBody>
          <a:bodyPr tIns="0" bIns="0" anchor="b">
            <a:noAutofit/>
          </a:bodyPr>
          <a:lstStyle>
            <a:lvl1pPr marL="0" indent="0" algn="l">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4" name="Plassholder for innhold 3">
            <a:extLst>
              <a:ext uri="{FF2B5EF4-FFF2-40B4-BE49-F238E27FC236}">
                <a16:creationId xmlns:a16="http://schemas.microsoft.com/office/drawing/2014/main" id="{4584D2C2-3047-F5B1-9469-B34CB1CAA8DF}"/>
              </a:ext>
            </a:extLst>
          </p:cNvPr>
          <p:cNvSpPr>
            <a:spLocks noGrp="1"/>
          </p:cNvSpPr>
          <p:nvPr>
            <p:ph sz="half" idx="2" hasCustomPrompt="1"/>
          </p:nvPr>
        </p:nvSpPr>
        <p:spPr>
          <a:xfrm>
            <a:off x="839789" y="4175999"/>
            <a:ext cx="3014582" cy="187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2" name="Plassholder for innhold 3">
            <a:extLst>
              <a:ext uri="{FF2B5EF4-FFF2-40B4-BE49-F238E27FC236}">
                <a16:creationId xmlns:a16="http://schemas.microsoft.com/office/drawing/2014/main" id="{03BCF634-F098-4E9B-362B-BEC149EF681E}"/>
              </a:ext>
            </a:extLst>
          </p:cNvPr>
          <p:cNvSpPr>
            <a:spLocks noGrp="1"/>
          </p:cNvSpPr>
          <p:nvPr>
            <p:ph sz="half" idx="14" hasCustomPrompt="1"/>
          </p:nvPr>
        </p:nvSpPr>
        <p:spPr>
          <a:xfrm>
            <a:off x="4588710" y="4175999"/>
            <a:ext cx="3014582" cy="187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4" name="Plassholder for innhold 3">
            <a:extLst>
              <a:ext uri="{FF2B5EF4-FFF2-40B4-BE49-F238E27FC236}">
                <a16:creationId xmlns:a16="http://schemas.microsoft.com/office/drawing/2014/main" id="{ACFE2AC3-F6C8-83B5-11BA-7BC0E59E0F94}"/>
              </a:ext>
            </a:extLst>
          </p:cNvPr>
          <p:cNvSpPr>
            <a:spLocks noGrp="1"/>
          </p:cNvSpPr>
          <p:nvPr>
            <p:ph sz="half" idx="16" hasCustomPrompt="1"/>
          </p:nvPr>
        </p:nvSpPr>
        <p:spPr>
          <a:xfrm>
            <a:off x="8337631" y="4175999"/>
            <a:ext cx="3014582" cy="1872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5" name="Plassholder for bilde 7">
            <a:extLst>
              <a:ext uri="{FF2B5EF4-FFF2-40B4-BE49-F238E27FC236}">
                <a16:creationId xmlns:a16="http://schemas.microsoft.com/office/drawing/2014/main" id="{F9D0DD48-D3B5-E6B7-A0AD-3711AFFC6E20}"/>
              </a:ext>
            </a:extLst>
          </p:cNvPr>
          <p:cNvSpPr>
            <a:spLocks noGrp="1"/>
          </p:cNvSpPr>
          <p:nvPr>
            <p:ph type="pic" sz="quarter" idx="18" hasCustomPrompt="1"/>
          </p:nvPr>
        </p:nvSpPr>
        <p:spPr>
          <a:xfrm>
            <a:off x="838800" y="2268000"/>
            <a:ext cx="3023765" cy="180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7" name="Plassholder for tekst 2">
            <a:extLst>
              <a:ext uri="{FF2B5EF4-FFF2-40B4-BE49-F238E27FC236}">
                <a16:creationId xmlns:a16="http://schemas.microsoft.com/office/drawing/2014/main" id="{579B4212-6066-1936-99A9-F11830993D55}"/>
              </a:ext>
            </a:extLst>
          </p:cNvPr>
          <p:cNvSpPr>
            <a:spLocks noGrp="1"/>
          </p:cNvSpPr>
          <p:nvPr>
            <p:ph type="body" idx="19" hasCustomPrompt="1"/>
          </p:nvPr>
        </p:nvSpPr>
        <p:spPr>
          <a:xfrm>
            <a:off x="4584795" y="1439999"/>
            <a:ext cx="3014582" cy="720000"/>
          </a:xfrm>
        </p:spPr>
        <p:txBody>
          <a:bodyPr tIns="0" bIns="0" anchor="b">
            <a:noAutofit/>
          </a:bodyPr>
          <a:lstStyle>
            <a:lvl1pPr marL="0" indent="0" algn="l">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9" name="Plassholder for bilde 7">
            <a:extLst>
              <a:ext uri="{FF2B5EF4-FFF2-40B4-BE49-F238E27FC236}">
                <a16:creationId xmlns:a16="http://schemas.microsoft.com/office/drawing/2014/main" id="{9FF8982C-B885-8393-46D0-D8BEC14E2DEF}"/>
              </a:ext>
            </a:extLst>
          </p:cNvPr>
          <p:cNvSpPr>
            <a:spLocks noGrp="1"/>
          </p:cNvSpPr>
          <p:nvPr>
            <p:ph type="pic" sz="quarter" idx="20" hasCustomPrompt="1"/>
          </p:nvPr>
        </p:nvSpPr>
        <p:spPr>
          <a:xfrm>
            <a:off x="4583806" y="2268000"/>
            <a:ext cx="3023765" cy="180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15" name="Plassholder for tekst 2">
            <a:extLst>
              <a:ext uri="{FF2B5EF4-FFF2-40B4-BE49-F238E27FC236}">
                <a16:creationId xmlns:a16="http://schemas.microsoft.com/office/drawing/2014/main" id="{3DAF464D-5150-2CD2-B287-E5DE65E0CEB1}"/>
              </a:ext>
            </a:extLst>
          </p:cNvPr>
          <p:cNvSpPr>
            <a:spLocks noGrp="1"/>
          </p:cNvSpPr>
          <p:nvPr>
            <p:ph type="body" idx="21" hasCustomPrompt="1"/>
          </p:nvPr>
        </p:nvSpPr>
        <p:spPr>
          <a:xfrm>
            <a:off x="8336524" y="1439999"/>
            <a:ext cx="3014582" cy="720000"/>
          </a:xfrm>
        </p:spPr>
        <p:txBody>
          <a:bodyPr tIns="0" bIns="0" anchor="b">
            <a:noAutofit/>
          </a:bodyPr>
          <a:lstStyle>
            <a:lvl1pPr marL="0" indent="0" algn="l">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6" name="Plassholder for bilde 7">
            <a:extLst>
              <a:ext uri="{FF2B5EF4-FFF2-40B4-BE49-F238E27FC236}">
                <a16:creationId xmlns:a16="http://schemas.microsoft.com/office/drawing/2014/main" id="{C4CB5FB2-868E-866B-B7FA-1A4A8EBBDBFC}"/>
              </a:ext>
            </a:extLst>
          </p:cNvPr>
          <p:cNvSpPr>
            <a:spLocks noGrp="1"/>
          </p:cNvSpPr>
          <p:nvPr>
            <p:ph type="pic" sz="quarter" idx="22" hasCustomPrompt="1"/>
          </p:nvPr>
        </p:nvSpPr>
        <p:spPr>
          <a:xfrm>
            <a:off x="8335535" y="2268000"/>
            <a:ext cx="3023765" cy="180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21" name="Tittel 1">
            <a:extLst>
              <a:ext uri="{FF2B5EF4-FFF2-40B4-BE49-F238E27FC236}">
                <a16:creationId xmlns:a16="http://schemas.microsoft.com/office/drawing/2014/main" id="{0321C738-ECD7-CCB3-D765-A186C5369493}"/>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pic>
        <p:nvPicPr>
          <p:cNvPr id="8" name="Bilde 2">
            <a:extLst>
              <a:ext uri="{FF2B5EF4-FFF2-40B4-BE49-F238E27FC236}">
                <a16:creationId xmlns:a16="http://schemas.microsoft.com/office/drawing/2014/main" id="{4133DBBF-06ED-C061-5795-24642C2777F3}"/>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1216972152"/>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3 Tekster og bilder (v5)">
    <p:spTree>
      <p:nvGrpSpPr>
        <p:cNvPr id="1" name=""/>
        <p:cNvGrpSpPr/>
        <p:nvPr/>
      </p:nvGrpSpPr>
      <p:grpSpPr>
        <a:xfrm>
          <a:off x="0" y="0"/>
          <a:ext cx="0" cy="0"/>
          <a:chOff x="0" y="0"/>
          <a:chExt cx="0" cy="0"/>
        </a:xfrm>
      </p:grpSpPr>
      <p:sp>
        <p:nvSpPr>
          <p:cNvPr id="3" name="Plassholder for tekst 2">
            <a:extLst>
              <a:ext uri="{FF2B5EF4-FFF2-40B4-BE49-F238E27FC236}">
                <a16:creationId xmlns:a16="http://schemas.microsoft.com/office/drawing/2014/main" id="{86E2B3C6-9D86-9A92-BE07-9365AEC0262F}"/>
              </a:ext>
            </a:extLst>
          </p:cNvPr>
          <p:cNvSpPr>
            <a:spLocks noGrp="1"/>
          </p:cNvSpPr>
          <p:nvPr>
            <p:ph type="body" idx="1" hasCustomPrompt="1"/>
          </p:nvPr>
        </p:nvSpPr>
        <p:spPr>
          <a:xfrm>
            <a:off x="839789" y="4482000"/>
            <a:ext cx="3014582" cy="601200"/>
          </a:xfrm>
        </p:spPr>
        <p:txBody>
          <a:bodyPr tIns="0" bIns="0" anchor="b">
            <a:noAutofit/>
          </a:bodyPr>
          <a:lstStyle>
            <a:lvl1pPr marL="0" indent="0" algn="l">
              <a:spcBef>
                <a:spcPts val="0"/>
              </a:spcBef>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4" name="Plassholder for innhold 3">
            <a:extLst>
              <a:ext uri="{FF2B5EF4-FFF2-40B4-BE49-F238E27FC236}">
                <a16:creationId xmlns:a16="http://schemas.microsoft.com/office/drawing/2014/main" id="{4584D2C2-3047-F5B1-9469-B34CB1CAA8DF}"/>
              </a:ext>
            </a:extLst>
          </p:cNvPr>
          <p:cNvSpPr>
            <a:spLocks noGrp="1"/>
          </p:cNvSpPr>
          <p:nvPr>
            <p:ph sz="half" idx="2" hasCustomPrompt="1"/>
          </p:nvPr>
        </p:nvSpPr>
        <p:spPr>
          <a:xfrm>
            <a:off x="839789" y="5183999"/>
            <a:ext cx="3014582" cy="846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2" name="Plassholder for innhold 3">
            <a:extLst>
              <a:ext uri="{FF2B5EF4-FFF2-40B4-BE49-F238E27FC236}">
                <a16:creationId xmlns:a16="http://schemas.microsoft.com/office/drawing/2014/main" id="{03BCF634-F098-4E9B-362B-BEC149EF681E}"/>
              </a:ext>
            </a:extLst>
          </p:cNvPr>
          <p:cNvSpPr>
            <a:spLocks noGrp="1"/>
          </p:cNvSpPr>
          <p:nvPr>
            <p:ph sz="half" idx="14" hasCustomPrompt="1"/>
          </p:nvPr>
        </p:nvSpPr>
        <p:spPr>
          <a:xfrm>
            <a:off x="4588710" y="5183999"/>
            <a:ext cx="3014582" cy="846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sp>
        <p:nvSpPr>
          <p:cNvPr id="14" name="Plassholder for innhold 3">
            <a:extLst>
              <a:ext uri="{FF2B5EF4-FFF2-40B4-BE49-F238E27FC236}">
                <a16:creationId xmlns:a16="http://schemas.microsoft.com/office/drawing/2014/main" id="{ACFE2AC3-F6C8-83B5-11BA-7BC0E59E0F94}"/>
              </a:ext>
            </a:extLst>
          </p:cNvPr>
          <p:cNvSpPr>
            <a:spLocks noGrp="1"/>
          </p:cNvSpPr>
          <p:nvPr>
            <p:ph sz="half" idx="16" hasCustomPrompt="1"/>
          </p:nvPr>
        </p:nvSpPr>
        <p:spPr>
          <a:xfrm>
            <a:off x="8337631" y="5183999"/>
            <a:ext cx="3014582" cy="846000"/>
          </a:xfrm>
        </p:spPr>
        <p:txBody>
          <a:bodyPr>
            <a:noAutofit/>
          </a:bodyPr>
          <a:lstStyle>
            <a:lvl1pPr marL="0" indent="0" algn="l">
              <a:spcBef>
                <a:spcPts val="300"/>
              </a:spcBef>
              <a:buFont typeface="Arial" panose="020B0604020202020204" pitchFamily="34" charset="0"/>
              <a:buNone/>
              <a:defRPr sz="1500">
                <a:solidFill>
                  <a:schemeClr val="tx1"/>
                </a:solidFill>
                <a:latin typeface="Aptos" panose="020B00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nb-NO" dirty="0"/>
              <a:t>Klikk her for å redigere tekst</a:t>
            </a:r>
          </a:p>
        </p:txBody>
      </p:sp>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7" name="Plassholder for tekst 2">
            <a:extLst>
              <a:ext uri="{FF2B5EF4-FFF2-40B4-BE49-F238E27FC236}">
                <a16:creationId xmlns:a16="http://schemas.microsoft.com/office/drawing/2014/main" id="{579B4212-6066-1936-99A9-F11830993D55}"/>
              </a:ext>
            </a:extLst>
          </p:cNvPr>
          <p:cNvSpPr>
            <a:spLocks noGrp="1"/>
          </p:cNvSpPr>
          <p:nvPr>
            <p:ph type="body" idx="19" hasCustomPrompt="1"/>
          </p:nvPr>
        </p:nvSpPr>
        <p:spPr>
          <a:xfrm>
            <a:off x="4584795" y="4482000"/>
            <a:ext cx="3014582" cy="601200"/>
          </a:xfrm>
        </p:spPr>
        <p:txBody>
          <a:bodyPr tIns="0" bIns="0" anchor="b">
            <a:noAutofit/>
          </a:bodyPr>
          <a:lstStyle>
            <a:lvl1pPr marL="0" indent="0" algn="l">
              <a:spcBef>
                <a:spcPts val="0"/>
              </a:spcBef>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5" name="Plassholder for tekst 2">
            <a:extLst>
              <a:ext uri="{FF2B5EF4-FFF2-40B4-BE49-F238E27FC236}">
                <a16:creationId xmlns:a16="http://schemas.microsoft.com/office/drawing/2014/main" id="{3DAF464D-5150-2CD2-B287-E5DE65E0CEB1}"/>
              </a:ext>
            </a:extLst>
          </p:cNvPr>
          <p:cNvSpPr>
            <a:spLocks noGrp="1"/>
          </p:cNvSpPr>
          <p:nvPr>
            <p:ph type="body" idx="21" hasCustomPrompt="1"/>
          </p:nvPr>
        </p:nvSpPr>
        <p:spPr>
          <a:xfrm>
            <a:off x="8336524" y="4482000"/>
            <a:ext cx="3014582" cy="601200"/>
          </a:xfrm>
        </p:spPr>
        <p:txBody>
          <a:bodyPr tIns="0" bIns="0" anchor="b">
            <a:noAutofit/>
          </a:bodyPr>
          <a:lstStyle>
            <a:lvl1pPr marL="0" indent="0" algn="l">
              <a:spcBef>
                <a:spcPts val="0"/>
              </a:spcBef>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10" name="Plassholder for bilde 16">
            <a:extLst>
              <a:ext uri="{FF2B5EF4-FFF2-40B4-BE49-F238E27FC236}">
                <a16:creationId xmlns:a16="http://schemas.microsoft.com/office/drawing/2014/main" id="{990A069D-E127-22E5-9FB1-B3DF0EABFE8D}"/>
              </a:ext>
            </a:extLst>
          </p:cNvPr>
          <p:cNvSpPr>
            <a:spLocks noGrp="1"/>
          </p:cNvSpPr>
          <p:nvPr>
            <p:ph type="pic" sz="quarter" idx="22" hasCustomPrompt="1"/>
          </p:nvPr>
        </p:nvSpPr>
        <p:spPr>
          <a:xfrm>
            <a:off x="836695" y="838800"/>
            <a:ext cx="3013365" cy="3415283"/>
          </a:xfrm>
          <a:custGeom>
            <a:avLst/>
            <a:gdLst>
              <a:gd name="connsiteX0" fmla="*/ 675893 w 3013365"/>
              <a:gd name="connsiteY0" fmla="*/ 0 h 3415283"/>
              <a:gd name="connsiteX1" fmla="*/ 2884021 w 3013365"/>
              <a:gd name="connsiteY1" fmla="*/ 0 h 3415283"/>
              <a:gd name="connsiteX2" fmla="*/ 3013365 w 3013365"/>
              <a:gd name="connsiteY2" fmla="*/ 129349 h 3415283"/>
              <a:gd name="connsiteX3" fmla="*/ 3013365 w 3013365"/>
              <a:gd name="connsiteY3" fmla="*/ 3285934 h 3415283"/>
              <a:gd name="connsiteX4" fmla="*/ 2884021 w 3013365"/>
              <a:gd name="connsiteY4" fmla="*/ 3415283 h 3415283"/>
              <a:gd name="connsiteX5" fmla="*/ 129344 w 3013365"/>
              <a:gd name="connsiteY5" fmla="*/ 3415283 h 3415283"/>
              <a:gd name="connsiteX6" fmla="*/ 0 w 3013365"/>
              <a:gd name="connsiteY6" fmla="*/ 3285934 h 3415283"/>
              <a:gd name="connsiteX7" fmla="*/ 0 w 3013365"/>
              <a:gd name="connsiteY7" fmla="*/ 1040331 h 3415283"/>
              <a:gd name="connsiteX8" fmla="*/ 18434 w 3013365"/>
              <a:gd name="connsiteY8" fmla="*/ 973770 h 3415283"/>
              <a:gd name="connsiteX9" fmla="*/ 564983 w 3013365"/>
              <a:gd name="connsiteY9" fmla="*/ 62789 h 3415283"/>
              <a:gd name="connsiteX10" fmla="*/ 675893 w 3013365"/>
              <a:gd name="connsiteY10" fmla="*/ 0 h 34152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13365" h="3415283">
                <a:moveTo>
                  <a:pt x="675893" y="0"/>
                </a:moveTo>
                <a:lnTo>
                  <a:pt x="2884021" y="0"/>
                </a:lnTo>
                <a:cubicBezTo>
                  <a:pt x="2955446" y="0"/>
                  <a:pt x="3013365" y="57921"/>
                  <a:pt x="3013365" y="129349"/>
                </a:cubicBezTo>
                <a:lnTo>
                  <a:pt x="3013365" y="3285934"/>
                </a:lnTo>
                <a:cubicBezTo>
                  <a:pt x="3013365" y="3357361"/>
                  <a:pt x="2955446" y="3415283"/>
                  <a:pt x="2884021" y="3415283"/>
                </a:cubicBezTo>
                <a:lnTo>
                  <a:pt x="129344" y="3415283"/>
                </a:lnTo>
                <a:cubicBezTo>
                  <a:pt x="57919" y="3415283"/>
                  <a:pt x="0" y="3357361"/>
                  <a:pt x="0" y="3285934"/>
                </a:cubicBezTo>
                <a:lnTo>
                  <a:pt x="0" y="1040331"/>
                </a:lnTo>
                <a:cubicBezTo>
                  <a:pt x="0" y="1016876"/>
                  <a:pt x="6388" y="993878"/>
                  <a:pt x="18434" y="973770"/>
                </a:cubicBezTo>
                <a:lnTo>
                  <a:pt x="564983" y="62789"/>
                </a:lnTo>
                <a:cubicBezTo>
                  <a:pt x="588345" y="23850"/>
                  <a:pt x="630446" y="0"/>
                  <a:pt x="675893" y="0"/>
                </a:cubicBezTo>
                <a:close/>
              </a:path>
            </a:pathLst>
          </a:custGeom>
        </p:spPr>
        <p:txBody>
          <a:bodyPr wrap="square" anchor="ctr">
            <a:noAutofit/>
          </a:bodyPr>
          <a:lstStyle>
            <a:lvl1pPr marL="0" indent="0" algn="ctr">
              <a:buNone/>
              <a:defRPr>
                <a:solidFill>
                  <a:schemeClr val="tx1"/>
                </a:solidFill>
              </a:defRPr>
            </a:lvl1pPr>
          </a:lstStyle>
          <a:p>
            <a:r>
              <a:rPr lang="nb-NO" dirty="0"/>
              <a:t>Klikk på ikonet for å legge til et bilde</a:t>
            </a:r>
          </a:p>
          <a:p>
            <a:endParaRPr lang="nb-NO" dirty="0"/>
          </a:p>
          <a:p>
            <a:endParaRPr lang="nb-NO" dirty="0"/>
          </a:p>
        </p:txBody>
      </p:sp>
      <p:sp>
        <p:nvSpPr>
          <p:cNvPr id="11" name="Plassholder for bilde 17">
            <a:extLst>
              <a:ext uri="{FF2B5EF4-FFF2-40B4-BE49-F238E27FC236}">
                <a16:creationId xmlns:a16="http://schemas.microsoft.com/office/drawing/2014/main" id="{64B13F93-E080-D5E1-8755-218C088B9779}"/>
              </a:ext>
            </a:extLst>
          </p:cNvPr>
          <p:cNvSpPr>
            <a:spLocks noGrp="1"/>
          </p:cNvSpPr>
          <p:nvPr>
            <p:ph type="pic" sz="quarter" idx="23" hasCustomPrompt="1"/>
          </p:nvPr>
        </p:nvSpPr>
        <p:spPr>
          <a:xfrm>
            <a:off x="4589932" y="838800"/>
            <a:ext cx="3013365" cy="3415282"/>
          </a:xfrm>
          <a:custGeom>
            <a:avLst/>
            <a:gdLst>
              <a:gd name="connsiteX0" fmla="*/ 129344 w 3013365"/>
              <a:gd name="connsiteY0" fmla="*/ 0 h 3415282"/>
              <a:gd name="connsiteX1" fmla="*/ 2884021 w 3013365"/>
              <a:gd name="connsiteY1" fmla="*/ 0 h 3415282"/>
              <a:gd name="connsiteX2" fmla="*/ 3013365 w 3013365"/>
              <a:gd name="connsiteY2" fmla="*/ 129349 h 3415282"/>
              <a:gd name="connsiteX3" fmla="*/ 3013365 w 3013365"/>
              <a:gd name="connsiteY3" fmla="*/ 3285933 h 3415282"/>
              <a:gd name="connsiteX4" fmla="*/ 2884021 w 3013365"/>
              <a:gd name="connsiteY4" fmla="*/ 3415282 h 3415282"/>
              <a:gd name="connsiteX5" fmla="*/ 129344 w 3013365"/>
              <a:gd name="connsiteY5" fmla="*/ 3415282 h 3415282"/>
              <a:gd name="connsiteX6" fmla="*/ 0 w 3013365"/>
              <a:gd name="connsiteY6" fmla="*/ 3285933 h 3415282"/>
              <a:gd name="connsiteX7" fmla="*/ 0 w 3013365"/>
              <a:gd name="connsiteY7" fmla="*/ 129349 h 3415282"/>
              <a:gd name="connsiteX8" fmla="*/ 129344 w 3013365"/>
              <a:gd name="connsiteY8" fmla="*/ 0 h 34152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013365" h="3415282">
                <a:moveTo>
                  <a:pt x="129344" y="0"/>
                </a:moveTo>
                <a:lnTo>
                  <a:pt x="2884021" y="0"/>
                </a:lnTo>
                <a:cubicBezTo>
                  <a:pt x="2955456" y="0"/>
                  <a:pt x="3013365" y="57912"/>
                  <a:pt x="3013365" y="129349"/>
                </a:cubicBezTo>
                <a:lnTo>
                  <a:pt x="3013365" y="3285933"/>
                </a:lnTo>
                <a:cubicBezTo>
                  <a:pt x="3013365" y="3357370"/>
                  <a:pt x="2955456" y="3415282"/>
                  <a:pt x="2884021" y="3415282"/>
                </a:cubicBezTo>
                <a:lnTo>
                  <a:pt x="129344" y="3415282"/>
                </a:lnTo>
                <a:cubicBezTo>
                  <a:pt x="57909" y="3415282"/>
                  <a:pt x="0" y="3357370"/>
                  <a:pt x="0" y="3285933"/>
                </a:cubicBezTo>
                <a:lnTo>
                  <a:pt x="0" y="129349"/>
                </a:lnTo>
                <a:cubicBezTo>
                  <a:pt x="0" y="57912"/>
                  <a:pt x="57909" y="0"/>
                  <a:pt x="129344" y="0"/>
                </a:cubicBezTo>
                <a:close/>
              </a:path>
            </a:pathLst>
          </a:custGeom>
        </p:spPr>
        <p:txBody>
          <a:bodyPr wrap="square" anchor="ctr">
            <a:noAutofit/>
          </a:bodyPr>
          <a:lstStyle>
            <a:lvl1pPr marL="0" indent="0" algn="ctr">
              <a:buNone/>
              <a:defRPr>
                <a:solidFill>
                  <a:schemeClr val="tx1"/>
                </a:solidFill>
              </a:defRPr>
            </a:lvl1pPr>
          </a:lstStyle>
          <a:p>
            <a:r>
              <a:rPr lang="nb-NO" dirty="0"/>
              <a:t>Klikk på ikonet for å legge til et bilde</a:t>
            </a:r>
          </a:p>
          <a:p>
            <a:endParaRPr lang="nb-NO" dirty="0"/>
          </a:p>
          <a:p>
            <a:endParaRPr lang="nb-NO" dirty="0"/>
          </a:p>
        </p:txBody>
      </p:sp>
      <p:sp>
        <p:nvSpPr>
          <p:cNvPr id="13" name="Plassholder for bilde 18">
            <a:extLst>
              <a:ext uri="{FF2B5EF4-FFF2-40B4-BE49-F238E27FC236}">
                <a16:creationId xmlns:a16="http://schemas.microsoft.com/office/drawing/2014/main" id="{8784F1D7-4DBA-AC72-EC4D-4DFC757A4AFD}"/>
              </a:ext>
            </a:extLst>
          </p:cNvPr>
          <p:cNvSpPr>
            <a:spLocks noGrp="1"/>
          </p:cNvSpPr>
          <p:nvPr>
            <p:ph type="pic" sz="quarter" idx="24" hasCustomPrompt="1"/>
          </p:nvPr>
        </p:nvSpPr>
        <p:spPr>
          <a:xfrm>
            <a:off x="8340726" y="838800"/>
            <a:ext cx="3011858" cy="3413573"/>
          </a:xfrm>
          <a:custGeom>
            <a:avLst/>
            <a:gdLst>
              <a:gd name="connsiteX0" fmla="*/ 129279 w 3011858"/>
              <a:gd name="connsiteY0" fmla="*/ 0 h 3413573"/>
              <a:gd name="connsiteX1" fmla="*/ 2882579 w 3011858"/>
              <a:gd name="connsiteY1" fmla="*/ 0 h 3413573"/>
              <a:gd name="connsiteX2" fmla="*/ 3011858 w 3011858"/>
              <a:gd name="connsiteY2" fmla="*/ 129285 h 3413573"/>
              <a:gd name="connsiteX3" fmla="*/ 3011858 w 3011858"/>
              <a:gd name="connsiteY3" fmla="*/ 2373763 h 3413573"/>
              <a:gd name="connsiteX4" fmla="*/ 2993433 w 3011858"/>
              <a:gd name="connsiteY4" fmla="*/ 2440291 h 3413573"/>
              <a:gd name="connsiteX5" fmla="*/ 2447157 w 3011858"/>
              <a:gd name="connsiteY5" fmla="*/ 3350816 h 3413573"/>
              <a:gd name="connsiteX6" fmla="*/ 2336303 w 3011858"/>
              <a:gd name="connsiteY6" fmla="*/ 3413573 h 3413573"/>
              <a:gd name="connsiteX7" fmla="*/ 129279 w 3011858"/>
              <a:gd name="connsiteY7" fmla="*/ 3413573 h 3413573"/>
              <a:gd name="connsiteX8" fmla="*/ 0 w 3011858"/>
              <a:gd name="connsiteY8" fmla="*/ 3284289 h 3413573"/>
              <a:gd name="connsiteX9" fmla="*/ 0 w 3011858"/>
              <a:gd name="connsiteY9" fmla="*/ 129285 h 3413573"/>
              <a:gd name="connsiteX10" fmla="*/ 129279 w 3011858"/>
              <a:gd name="connsiteY10" fmla="*/ 0 h 34135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11858" h="3413573">
                <a:moveTo>
                  <a:pt x="129279" y="0"/>
                </a:moveTo>
                <a:lnTo>
                  <a:pt x="2882579" y="0"/>
                </a:lnTo>
                <a:cubicBezTo>
                  <a:pt x="2953968" y="0"/>
                  <a:pt x="3011858" y="57892"/>
                  <a:pt x="3011858" y="129285"/>
                </a:cubicBezTo>
                <a:lnTo>
                  <a:pt x="3011858" y="2373763"/>
                </a:lnTo>
                <a:cubicBezTo>
                  <a:pt x="3011858" y="2397206"/>
                  <a:pt x="3005473" y="2420193"/>
                  <a:pt x="2993433" y="2440291"/>
                </a:cubicBezTo>
                <a:lnTo>
                  <a:pt x="2447157" y="3350816"/>
                </a:lnTo>
                <a:cubicBezTo>
                  <a:pt x="2423807" y="3389735"/>
                  <a:pt x="2381727" y="3413573"/>
                  <a:pt x="2336303" y="3413573"/>
                </a:cubicBezTo>
                <a:lnTo>
                  <a:pt x="129279" y="3413573"/>
                </a:lnTo>
                <a:cubicBezTo>
                  <a:pt x="57890" y="3413573"/>
                  <a:pt x="0" y="3355681"/>
                  <a:pt x="0" y="3284289"/>
                </a:cubicBezTo>
                <a:lnTo>
                  <a:pt x="0" y="129285"/>
                </a:lnTo>
                <a:cubicBezTo>
                  <a:pt x="0" y="57892"/>
                  <a:pt x="57890" y="0"/>
                  <a:pt x="129279" y="0"/>
                </a:cubicBezTo>
                <a:close/>
              </a:path>
            </a:pathLst>
          </a:custGeom>
        </p:spPr>
        <p:txBody>
          <a:bodyPr wrap="square" anchor="ctr">
            <a:noAutofit/>
          </a:bodyPr>
          <a:lstStyle>
            <a:lvl1pPr marL="0" indent="0" algn="ctr">
              <a:buNone/>
              <a:defRPr>
                <a:solidFill>
                  <a:schemeClr val="tx1"/>
                </a:solidFill>
              </a:defRPr>
            </a:lvl1pPr>
          </a:lstStyle>
          <a:p>
            <a:r>
              <a:rPr lang="nb-NO" dirty="0"/>
              <a:t>Klikk på ikonet for å legge til et bilde</a:t>
            </a:r>
          </a:p>
          <a:p>
            <a:endParaRPr lang="nb-NO" dirty="0"/>
          </a:p>
          <a:p>
            <a:endParaRPr lang="nb-NO" dirty="0"/>
          </a:p>
        </p:txBody>
      </p:sp>
      <p:pic>
        <p:nvPicPr>
          <p:cNvPr id="5" name="Bilde 2">
            <a:extLst>
              <a:ext uri="{FF2B5EF4-FFF2-40B4-BE49-F238E27FC236}">
                <a16:creationId xmlns:a16="http://schemas.microsoft.com/office/drawing/2014/main" id="{2A0E4024-A1C3-68B7-CD02-366B9AEED82C}"/>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278348079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obj" preserve="1">
  <p:cSld name="Agenda 1">
    <p:bg>
      <p:bgPr>
        <a:solidFill>
          <a:schemeClr val="bg2"/>
        </a:solidFill>
        <a:effectLst/>
      </p:bgPr>
    </p:bg>
    <p:spTree>
      <p:nvGrpSpPr>
        <p:cNvPr id="1" name=""/>
        <p:cNvGrpSpPr/>
        <p:nvPr/>
      </p:nvGrpSpPr>
      <p:grpSpPr>
        <a:xfrm>
          <a:off x="0" y="0"/>
          <a:ext cx="0" cy="0"/>
          <a:chOff x="0" y="0"/>
          <a:chExt cx="0" cy="0"/>
        </a:xfrm>
      </p:grpSpPr>
      <p:sp>
        <p:nvSpPr>
          <p:cNvPr id="9" name="Rektangel 8">
            <a:extLst>
              <a:ext uri="{FF2B5EF4-FFF2-40B4-BE49-F238E27FC236}">
                <a16:creationId xmlns:a16="http://schemas.microsoft.com/office/drawing/2014/main" id="{4D999934-1CF5-6D77-D7D4-409CEED297DC}"/>
              </a:ext>
            </a:extLst>
          </p:cNvPr>
          <p:cNvSpPr/>
          <p:nvPr userDrawn="1"/>
        </p:nvSpPr>
        <p:spPr>
          <a:xfrm flipH="1">
            <a:off x="0" y="1"/>
            <a:ext cx="6096000" cy="685799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a:solidFill>
                <a:schemeClr val="tx1"/>
              </a:solidFill>
              <a:latin typeface="Aptos" panose="020B0004020202020204" pitchFamily="34" charset="0"/>
            </a:endParaRPr>
          </a:p>
        </p:txBody>
      </p:sp>
      <p:sp>
        <p:nvSpPr>
          <p:cNvPr id="2" name="Tittel 1">
            <a:extLst>
              <a:ext uri="{FF2B5EF4-FFF2-40B4-BE49-F238E27FC236}">
                <a16:creationId xmlns:a16="http://schemas.microsoft.com/office/drawing/2014/main" id="{C738ED5E-9F67-DC18-87A1-32020F08361D}"/>
              </a:ext>
            </a:extLst>
          </p:cNvPr>
          <p:cNvSpPr>
            <a:spLocks noGrp="1"/>
          </p:cNvSpPr>
          <p:nvPr>
            <p:ph type="title" hasCustomPrompt="1"/>
          </p:nvPr>
        </p:nvSpPr>
        <p:spPr>
          <a:xfrm>
            <a:off x="838200" y="1010653"/>
            <a:ext cx="4419599" cy="5166308"/>
          </a:xfrm>
        </p:spPr>
        <p:txBody>
          <a:bodyPr anchor="ctr">
            <a:noAutofit/>
          </a:bodyPr>
          <a:lstStyle>
            <a:lvl1pPr algn="l">
              <a:defRPr sz="4400">
                <a:solidFill>
                  <a:schemeClr val="bg2"/>
                </a:solidFill>
                <a:latin typeface="Aptos" panose="020B0004020202020204" pitchFamily="34" charset="0"/>
              </a:defRPr>
            </a:lvl1pPr>
          </a:lstStyle>
          <a:p>
            <a:r>
              <a:rPr lang="nb-NO" dirty="0"/>
              <a:t>Klikk for å redigere tekst</a:t>
            </a:r>
          </a:p>
        </p:txBody>
      </p:sp>
      <p:sp>
        <p:nvSpPr>
          <p:cNvPr id="3" name="Plassholder for innhold 2">
            <a:extLst>
              <a:ext uri="{FF2B5EF4-FFF2-40B4-BE49-F238E27FC236}">
                <a16:creationId xmlns:a16="http://schemas.microsoft.com/office/drawing/2014/main" id="{DA068950-0913-7A99-7DBF-9B59DC6D1B9D}"/>
              </a:ext>
            </a:extLst>
          </p:cNvPr>
          <p:cNvSpPr>
            <a:spLocks noGrp="1"/>
          </p:cNvSpPr>
          <p:nvPr>
            <p:ph idx="1" hasCustomPrompt="1"/>
          </p:nvPr>
        </p:nvSpPr>
        <p:spPr>
          <a:xfrm>
            <a:off x="6985000" y="1010653"/>
            <a:ext cx="4368799" cy="5166309"/>
          </a:xfrm>
        </p:spPr>
        <p:txBody>
          <a:bodyPr anchor="ctr">
            <a:noAutofit/>
          </a:bodyPr>
          <a:lstStyle>
            <a:lvl1pPr marL="457200" indent="-457200">
              <a:buClr>
                <a:schemeClr val="tx2"/>
              </a:buClr>
              <a:buFont typeface="+mj-lt"/>
              <a:buAutoNum type="arabicPeriod"/>
              <a:defRPr b="1">
                <a:solidFill>
                  <a:schemeClr val="tx1"/>
                </a:solidFill>
                <a:latin typeface="Aptos" panose="020B0004020202020204" pitchFamily="34" charset="0"/>
              </a:defRPr>
            </a:lvl1pPr>
          </a:lstStyle>
          <a:p>
            <a:pPr lvl="0"/>
            <a:r>
              <a:rPr lang="nb-NO" dirty="0"/>
              <a:t>Skriv agenda her</a:t>
            </a:r>
          </a:p>
        </p:txBody>
      </p:sp>
      <p:pic>
        <p:nvPicPr>
          <p:cNvPr id="4" name="Bilde 3">
            <a:extLst>
              <a:ext uri="{FF2B5EF4-FFF2-40B4-BE49-F238E27FC236}">
                <a16:creationId xmlns:a16="http://schemas.microsoft.com/office/drawing/2014/main" id="{268CBF6F-55A0-13CE-2DC8-A91167E1B10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8" name="Bilde 7">
            <a:extLst>
              <a:ext uri="{FF2B5EF4-FFF2-40B4-BE49-F238E27FC236}">
                <a16:creationId xmlns:a16="http://schemas.microsoft.com/office/drawing/2014/main" id="{E015F262-6DD3-9541-48D8-9CCEEA9C5E2D}"/>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028270956"/>
      </p:ext>
    </p:extLst>
  </p:cSld>
  <p:clrMapOvr>
    <a:overrideClrMapping bg1="lt1" tx1="dk1" bg2="lt2" tx2="dk2" accent1="accent1" accent2="accent2" accent3="accent3" accent4="accent4" accent5="accent5" accent6="accent6" hlink="hlink" folHlink="folHlink"/>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1 Bilde (v1)">
    <p:spTree>
      <p:nvGrpSpPr>
        <p:cNvPr id="1" name=""/>
        <p:cNvGrpSpPr/>
        <p:nvPr/>
      </p:nvGrpSpPr>
      <p:grpSpPr>
        <a:xfrm>
          <a:off x="0" y="0"/>
          <a:ext cx="0" cy="0"/>
          <a:chOff x="0" y="0"/>
          <a:chExt cx="0" cy="0"/>
        </a:xfrm>
      </p:grpSpPr>
      <p:sp>
        <p:nvSpPr>
          <p:cNvPr id="14" name="Plassholder for bilde 13">
            <a:extLst>
              <a:ext uri="{FF2B5EF4-FFF2-40B4-BE49-F238E27FC236}">
                <a16:creationId xmlns:a16="http://schemas.microsoft.com/office/drawing/2014/main" id="{ECCAB366-333D-E64B-848E-100674BDCE56}"/>
              </a:ext>
            </a:extLst>
          </p:cNvPr>
          <p:cNvSpPr>
            <a:spLocks noGrp="1"/>
          </p:cNvSpPr>
          <p:nvPr>
            <p:ph type="pic" sz="quarter" idx="10" hasCustomPrompt="1"/>
          </p:nvPr>
        </p:nvSpPr>
        <p:spPr>
          <a:xfrm>
            <a:off x="838199" y="818284"/>
            <a:ext cx="10509274" cy="5218477"/>
          </a:xfrm>
          <a:custGeom>
            <a:avLst/>
            <a:gdLst>
              <a:gd name="connsiteX0" fmla="*/ 224033 w 10509274"/>
              <a:gd name="connsiteY0" fmla="*/ 0 h 5218477"/>
              <a:gd name="connsiteX1" fmla="*/ 7150832 w 10509274"/>
              <a:gd name="connsiteY1" fmla="*/ 0 h 5218477"/>
              <a:gd name="connsiteX2" fmla="*/ 7374864 w 10509274"/>
              <a:gd name="connsiteY2" fmla="*/ 223995 h 5218477"/>
              <a:gd name="connsiteX3" fmla="*/ 7374864 w 10509274"/>
              <a:gd name="connsiteY3" fmla="*/ 930750 h 5218477"/>
              <a:gd name="connsiteX4" fmla="*/ 7791002 w 10509274"/>
              <a:gd name="connsiteY4" fmla="*/ 1046013 h 5218477"/>
              <a:gd name="connsiteX5" fmla="*/ 8353456 w 10509274"/>
              <a:gd name="connsiteY5" fmla="*/ 108731 h 5218477"/>
              <a:gd name="connsiteX6" fmla="*/ 8545559 w 10509274"/>
              <a:gd name="connsiteY6" fmla="*/ 0 h 5218477"/>
              <a:gd name="connsiteX7" fmla="*/ 10285240 w 10509274"/>
              <a:gd name="connsiteY7" fmla="*/ 0 h 5218477"/>
              <a:gd name="connsiteX8" fmla="*/ 10509274 w 10509274"/>
              <a:gd name="connsiteY8" fmla="*/ 223995 h 5218477"/>
              <a:gd name="connsiteX9" fmla="*/ 10509274 w 10509274"/>
              <a:gd name="connsiteY9" fmla="*/ 3416822 h 5218477"/>
              <a:gd name="connsiteX10" fmla="*/ 10477186 w 10509274"/>
              <a:gd name="connsiteY10" fmla="*/ 3532297 h 5218477"/>
              <a:gd name="connsiteX11" fmla="*/ 9527890 w 10509274"/>
              <a:gd name="connsiteY11" fmla="*/ 5109956 h 5218477"/>
              <a:gd name="connsiteX12" fmla="*/ 9335945 w 10509274"/>
              <a:gd name="connsiteY12" fmla="*/ 5218477 h 5218477"/>
              <a:gd name="connsiteX13" fmla="*/ 224033 w 10509274"/>
              <a:gd name="connsiteY13" fmla="*/ 5218477 h 5218477"/>
              <a:gd name="connsiteX14" fmla="*/ 0 w 10509274"/>
              <a:gd name="connsiteY14" fmla="*/ 4994482 h 5218477"/>
              <a:gd name="connsiteX15" fmla="*/ 0 w 10509274"/>
              <a:gd name="connsiteY15" fmla="*/ 223995 h 5218477"/>
              <a:gd name="connsiteX16" fmla="*/ 224033 w 10509274"/>
              <a:gd name="connsiteY16" fmla="*/ 0 h 5218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509274" h="5218477">
                <a:moveTo>
                  <a:pt x="224033" y="0"/>
                </a:moveTo>
                <a:lnTo>
                  <a:pt x="7150832" y="0"/>
                </a:lnTo>
                <a:cubicBezTo>
                  <a:pt x="7274545" y="0"/>
                  <a:pt x="7374864" y="100303"/>
                  <a:pt x="7374864" y="223995"/>
                </a:cubicBezTo>
                <a:lnTo>
                  <a:pt x="7374864" y="930750"/>
                </a:lnTo>
                <a:cubicBezTo>
                  <a:pt x="7374864" y="1157958"/>
                  <a:pt x="7674085" y="1240824"/>
                  <a:pt x="7791002" y="1046013"/>
                </a:cubicBezTo>
                <a:lnTo>
                  <a:pt x="8353456" y="108731"/>
                </a:lnTo>
                <a:cubicBezTo>
                  <a:pt x="8393920" y="41301"/>
                  <a:pt x="8466841" y="0"/>
                  <a:pt x="8545559" y="0"/>
                </a:cubicBezTo>
                <a:lnTo>
                  <a:pt x="10285240" y="0"/>
                </a:lnTo>
                <a:cubicBezTo>
                  <a:pt x="10408954" y="0"/>
                  <a:pt x="10509274" y="100303"/>
                  <a:pt x="10509274" y="223995"/>
                </a:cubicBezTo>
                <a:lnTo>
                  <a:pt x="10509274" y="3416822"/>
                </a:lnTo>
                <a:cubicBezTo>
                  <a:pt x="10509274" y="3457491"/>
                  <a:pt x="10498156" y="3497423"/>
                  <a:pt x="10477186" y="3532297"/>
                </a:cubicBezTo>
                <a:lnTo>
                  <a:pt x="9527890" y="5109956"/>
                </a:lnTo>
                <a:cubicBezTo>
                  <a:pt x="9487373" y="5177281"/>
                  <a:pt x="9414556" y="5218477"/>
                  <a:pt x="9335945" y="5218477"/>
                </a:cubicBezTo>
                <a:lnTo>
                  <a:pt x="224033" y="5218477"/>
                </a:lnTo>
                <a:cubicBezTo>
                  <a:pt x="100320" y="5218477"/>
                  <a:pt x="0" y="5118174"/>
                  <a:pt x="0" y="4994482"/>
                </a:cubicBezTo>
                <a:lnTo>
                  <a:pt x="0" y="223995"/>
                </a:lnTo>
                <a:cubicBezTo>
                  <a:pt x="0" y="100303"/>
                  <a:pt x="100320" y="0"/>
                  <a:pt x="224033" y="0"/>
                </a:cubicBezTo>
                <a:close/>
              </a:path>
            </a:pathLst>
          </a:custGeom>
        </p:spPr>
        <p:txBody>
          <a:bodyPr wrap="square" anchor="ctr">
            <a:noAutofit/>
          </a:bodyPr>
          <a:lstStyle>
            <a:lvl1pPr marL="0" indent="0" algn="ctr">
              <a:buNone/>
              <a:defRPr>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pic>
        <p:nvPicPr>
          <p:cNvPr id="2" name="Bilde 1">
            <a:extLst>
              <a:ext uri="{FF2B5EF4-FFF2-40B4-BE49-F238E27FC236}">
                <a16:creationId xmlns:a16="http://schemas.microsoft.com/office/drawing/2014/main" id="{177ED965-E12E-DA02-D1EB-89AC6A707C9D}"/>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4" name="Bilde 2">
            <a:extLst>
              <a:ext uri="{FF2B5EF4-FFF2-40B4-BE49-F238E27FC236}">
                <a16:creationId xmlns:a16="http://schemas.microsoft.com/office/drawing/2014/main" id="{DA39BCBC-6799-9279-36A6-9C492278D9A7}"/>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1469153461"/>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1 Bilde (v2)">
    <p:spTree>
      <p:nvGrpSpPr>
        <p:cNvPr id="1" name=""/>
        <p:cNvGrpSpPr/>
        <p:nvPr/>
      </p:nvGrpSpPr>
      <p:grpSpPr>
        <a:xfrm>
          <a:off x="0" y="0"/>
          <a:ext cx="0" cy="0"/>
          <a:chOff x="0" y="0"/>
          <a:chExt cx="0" cy="0"/>
        </a:xfrm>
      </p:grpSpPr>
      <p:sp>
        <p:nvSpPr>
          <p:cNvPr id="12" name="Plassholder for bilde 11">
            <a:extLst>
              <a:ext uri="{FF2B5EF4-FFF2-40B4-BE49-F238E27FC236}">
                <a16:creationId xmlns:a16="http://schemas.microsoft.com/office/drawing/2014/main" id="{1459BD34-5E3D-D69E-68E7-CA27AE36083F}"/>
              </a:ext>
            </a:extLst>
          </p:cNvPr>
          <p:cNvSpPr>
            <a:spLocks noGrp="1"/>
          </p:cNvSpPr>
          <p:nvPr>
            <p:ph type="pic" sz="quarter" idx="10" hasCustomPrompt="1"/>
          </p:nvPr>
        </p:nvSpPr>
        <p:spPr>
          <a:xfrm>
            <a:off x="838199" y="818284"/>
            <a:ext cx="10507167" cy="5217405"/>
          </a:xfrm>
          <a:custGeom>
            <a:avLst/>
            <a:gdLst>
              <a:gd name="connsiteX0" fmla="*/ 223987 w 10507167"/>
              <a:gd name="connsiteY0" fmla="*/ 0 h 5217405"/>
              <a:gd name="connsiteX1" fmla="*/ 10283180 w 10507167"/>
              <a:gd name="connsiteY1" fmla="*/ 0 h 5217405"/>
              <a:gd name="connsiteX2" fmla="*/ 10507167 w 10507167"/>
              <a:gd name="connsiteY2" fmla="*/ 223949 h 5217405"/>
              <a:gd name="connsiteX3" fmla="*/ 10507167 w 10507167"/>
              <a:gd name="connsiteY3" fmla="*/ 4993455 h 5217405"/>
              <a:gd name="connsiteX4" fmla="*/ 10283180 w 10507167"/>
              <a:gd name="connsiteY4" fmla="*/ 5217405 h 5217405"/>
              <a:gd name="connsiteX5" fmla="*/ 223987 w 10507167"/>
              <a:gd name="connsiteY5" fmla="*/ 5217405 h 5217405"/>
              <a:gd name="connsiteX6" fmla="*/ 0 w 10507167"/>
              <a:gd name="connsiteY6" fmla="*/ 4993455 h 5217405"/>
              <a:gd name="connsiteX7" fmla="*/ 0 w 10507167"/>
              <a:gd name="connsiteY7" fmla="*/ 223949 h 5217405"/>
              <a:gd name="connsiteX8" fmla="*/ 223987 w 10507167"/>
              <a:gd name="connsiteY8" fmla="*/ 0 h 5217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507167" h="5217405">
                <a:moveTo>
                  <a:pt x="223987" y="0"/>
                </a:moveTo>
                <a:lnTo>
                  <a:pt x="10283180" y="0"/>
                </a:lnTo>
                <a:cubicBezTo>
                  <a:pt x="10406884" y="0"/>
                  <a:pt x="10507167" y="100265"/>
                  <a:pt x="10507167" y="223949"/>
                </a:cubicBezTo>
                <a:lnTo>
                  <a:pt x="10507167" y="4993455"/>
                </a:lnTo>
                <a:cubicBezTo>
                  <a:pt x="10507167" y="5117139"/>
                  <a:pt x="10406884" y="5217405"/>
                  <a:pt x="10283180" y="5217405"/>
                </a:cubicBezTo>
                <a:lnTo>
                  <a:pt x="223987" y="5217405"/>
                </a:lnTo>
                <a:cubicBezTo>
                  <a:pt x="100282" y="5217405"/>
                  <a:pt x="0" y="5117139"/>
                  <a:pt x="0" y="4993455"/>
                </a:cubicBezTo>
                <a:lnTo>
                  <a:pt x="0" y="223949"/>
                </a:lnTo>
                <a:cubicBezTo>
                  <a:pt x="0" y="100266"/>
                  <a:pt x="100282" y="0"/>
                  <a:pt x="223987" y="0"/>
                </a:cubicBezTo>
                <a:close/>
              </a:path>
            </a:pathLst>
          </a:custGeom>
        </p:spPr>
        <p:txBody>
          <a:bodyPr wrap="square" anchor="ctr">
            <a:noAutofit/>
          </a:bodyPr>
          <a:lstStyle>
            <a:lvl1pPr marL="0" indent="0" algn="ctr">
              <a:buNone/>
              <a:defRPr>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pic>
        <p:nvPicPr>
          <p:cNvPr id="2" name="Bilde 1">
            <a:extLst>
              <a:ext uri="{FF2B5EF4-FFF2-40B4-BE49-F238E27FC236}">
                <a16:creationId xmlns:a16="http://schemas.microsoft.com/office/drawing/2014/main" id="{4B1C7BE3-4A97-8149-D05D-5F4215013729}"/>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4" name="Bilde 2">
            <a:extLst>
              <a:ext uri="{FF2B5EF4-FFF2-40B4-BE49-F238E27FC236}">
                <a16:creationId xmlns:a16="http://schemas.microsoft.com/office/drawing/2014/main" id="{E4F91889-D1DC-13D1-B50D-1FC8402E911A}"/>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2815949659"/>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1 Bilde (v3)">
    <p:spTree>
      <p:nvGrpSpPr>
        <p:cNvPr id="1" name=""/>
        <p:cNvGrpSpPr/>
        <p:nvPr/>
      </p:nvGrpSpPr>
      <p:grpSpPr>
        <a:xfrm>
          <a:off x="0" y="0"/>
          <a:ext cx="0" cy="0"/>
          <a:chOff x="0" y="0"/>
          <a:chExt cx="0" cy="0"/>
        </a:xfrm>
      </p:grpSpPr>
      <p:sp>
        <p:nvSpPr>
          <p:cNvPr id="8" name="Plassholder for bilde 7">
            <a:extLst>
              <a:ext uri="{FF2B5EF4-FFF2-40B4-BE49-F238E27FC236}">
                <a16:creationId xmlns:a16="http://schemas.microsoft.com/office/drawing/2014/main" id="{72660B8F-0BAE-15FF-88C8-EE79E388F497}"/>
              </a:ext>
            </a:extLst>
          </p:cNvPr>
          <p:cNvSpPr>
            <a:spLocks noGrp="1"/>
          </p:cNvSpPr>
          <p:nvPr>
            <p:ph type="pic" sz="quarter" idx="13" hasCustomPrompt="1"/>
          </p:nvPr>
        </p:nvSpPr>
        <p:spPr>
          <a:xfrm>
            <a:off x="0" y="0"/>
            <a:ext cx="12192000" cy="6858000"/>
          </a:xfrm>
          <a:prstGeom prst="rect">
            <a:avLst/>
          </a:prstGeom>
        </p:spPr>
        <p:txBody>
          <a:bodyPr wrap="square" anchor="ctr">
            <a:noAutofit/>
          </a:bodyPr>
          <a:lstStyle>
            <a:lvl1pPr marL="0" indent="0" algn="ctr">
              <a:buNone/>
              <a:defRPr>
                <a:solidFill>
                  <a:schemeClr val="tx1"/>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pic>
        <p:nvPicPr>
          <p:cNvPr id="2" name="Bilde 1">
            <a:extLst>
              <a:ext uri="{FF2B5EF4-FFF2-40B4-BE49-F238E27FC236}">
                <a16:creationId xmlns:a16="http://schemas.microsoft.com/office/drawing/2014/main" id="{D0954805-39EC-52CC-DDE7-6638D4EBDFAC}"/>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4" name="Bilde 2">
            <a:extLst>
              <a:ext uri="{FF2B5EF4-FFF2-40B4-BE49-F238E27FC236}">
                <a16:creationId xmlns:a16="http://schemas.microsoft.com/office/drawing/2014/main" id="{EAD19839-636D-BCE9-09CA-2AE7AABBCC28}"/>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2804338736"/>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3 Bilder">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6" name="Plassholder for tekst 2">
            <a:extLst>
              <a:ext uri="{FF2B5EF4-FFF2-40B4-BE49-F238E27FC236}">
                <a16:creationId xmlns:a16="http://schemas.microsoft.com/office/drawing/2014/main" id="{CED34F65-A96E-F531-4CBC-F8FC34B16A0A}"/>
              </a:ext>
            </a:extLst>
          </p:cNvPr>
          <p:cNvSpPr>
            <a:spLocks noGrp="1"/>
          </p:cNvSpPr>
          <p:nvPr>
            <p:ph type="body" idx="1" hasCustomPrompt="1"/>
          </p:nvPr>
        </p:nvSpPr>
        <p:spPr>
          <a:xfrm>
            <a:off x="838201" y="1440000"/>
            <a:ext cx="3014582" cy="720000"/>
          </a:xfrm>
        </p:spPr>
        <p:txBody>
          <a:bodyPr tIns="0" bIns="0" anchor="b">
            <a:noAutofit/>
          </a:bodyPr>
          <a:lstStyle>
            <a:lvl1pPr marL="0" indent="0" algn="ctr">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27" name="Plassholder for tekst 2">
            <a:extLst>
              <a:ext uri="{FF2B5EF4-FFF2-40B4-BE49-F238E27FC236}">
                <a16:creationId xmlns:a16="http://schemas.microsoft.com/office/drawing/2014/main" id="{1A6EC7DB-7BC2-1DBF-7B5D-8105CEA778BA}"/>
              </a:ext>
            </a:extLst>
          </p:cNvPr>
          <p:cNvSpPr>
            <a:spLocks noGrp="1"/>
          </p:cNvSpPr>
          <p:nvPr>
            <p:ph type="body" idx="20" hasCustomPrompt="1"/>
          </p:nvPr>
        </p:nvSpPr>
        <p:spPr>
          <a:xfrm>
            <a:off x="4589931" y="1440000"/>
            <a:ext cx="3014582" cy="720000"/>
          </a:xfrm>
        </p:spPr>
        <p:txBody>
          <a:bodyPr tIns="0" bIns="0" anchor="b">
            <a:noAutofit/>
          </a:bodyPr>
          <a:lstStyle>
            <a:lvl1pPr marL="0" indent="0" algn="ctr">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28" name="Plassholder for tekst 2">
            <a:extLst>
              <a:ext uri="{FF2B5EF4-FFF2-40B4-BE49-F238E27FC236}">
                <a16:creationId xmlns:a16="http://schemas.microsoft.com/office/drawing/2014/main" id="{386E7C78-4D75-7B27-85DF-2D06E2B1E65C}"/>
              </a:ext>
            </a:extLst>
          </p:cNvPr>
          <p:cNvSpPr>
            <a:spLocks noGrp="1"/>
          </p:cNvSpPr>
          <p:nvPr>
            <p:ph type="body" idx="21" hasCustomPrompt="1"/>
          </p:nvPr>
        </p:nvSpPr>
        <p:spPr>
          <a:xfrm>
            <a:off x="8341660" y="1440000"/>
            <a:ext cx="3014582" cy="720000"/>
          </a:xfrm>
        </p:spPr>
        <p:txBody>
          <a:bodyPr tIns="0" bIns="0" anchor="b">
            <a:noAutofit/>
          </a:bodyPr>
          <a:lstStyle>
            <a:lvl1pPr marL="0" indent="0" algn="ctr">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35" name="Tittel 1">
            <a:extLst>
              <a:ext uri="{FF2B5EF4-FFF2-40B4-BE49-F238E27FC236}">
                <a16:creationId xmlns:a16="http://schemas.microsoft.com/office/drawing/2014/main" id="{550E15D3-594C-FF86-7351-B0AA46131189}"/>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sp>
        <p:nvSpPr>
          <p:cNvPr id="17" name="Plassholder for bilde 16">
            <a:extLst>
              <a:ext uri="{FF2B5EF4-FFF2-40B4-BE49-F238E27FC236}">
                <a16:creationId xmlns:a16="http://schemas.microsoft.com/office/drawing/2014/main" id="{EF0F68EB-9EAC-8679-5A70-30683E9FCFED}"/>
              </a:ext>
            </a:extLst>
          </p:cNvPr>
          <p:cNvSpPr>
            <a:spLocks noGrp="1"/>
          </p:cNvSpPr>
          <p:nvPr>
            <p:ph type="pic" sz="quarter" idx="22" hasCustomPrompt="1"/>
          </p:nvPr>
        </p:nvSpPr>
        <p:spPr>
          <a:xfrm>
            <a:off x="836695" y="2268000"/>
            <a:ext cx="3013365" cy="3415283"/>
          </a:xfrm>
          <a:custGeom>
            <a:avLst/>
            <a:gdLst>
              <a:gd name="connsiteX0" fmla="*/ 675893 w 3013365"/>
              <a:gd name="connsiteY0" fmla="*/ 0 h 3415283"/>
              <a:gd name="connsiteX1" fmla="*/ 2884021 w 3013365"/>
              <a:gd name="connsiteY1" fmla="*/ 0 h 3415283"/>
              <a:gd name="connsiteX2" fmla="*/ 3013365 w 3013365"/>
              <a:gd name="connsiteY2" fmla="*/ 129349 h 3415283"/>
              <a:gd name="connsiteX3" fmla="*/ 3013365 w 3013365"/>
              <a:gd name="connsiteY3" fmla="*/ 3285934 h 3415283"/>
              <a:gd name="connsiteX4" fmla="*/ 2884021 w 3013365"/>
              <a:gd name="connsiteY4" fmla="*/ 3415283 h 3415283"/>
              <a:gd name="connsiteX5" fmla="*/ 129344 w 3013365"/>
              <a:gd name="connsiteY5" fmla="*/ 3415283 h 3415283"/>
              <a:gd name="connsiteX6" fmla="*/ 0 w 3013365"/>
              <a:gd name="connsiteY6" fmla="*/ 3285934 h 3415283"/>
              <a:gd name="connsiteX7" fmla="*/ 0 w 3013365"/>
              <a:gd name="connsiteY7" fmla="*/ 1040331 h 3415283"/>
              <a:gd name="connsiteX8" fmla="*/ 18434 w 3013365"/>
              <a:gd name="connsiteY8" fmla="*/ 973770 h 3415283"/>
              <a:gd name="connsiteX9" fmla="*/ 564983 w 3013365"/>
              <a:gd name="connsiteY9" fmla="*/ 62789 h 3415283"/>
              <a:gd name="connsiteX10" fmla="*/ 675893 w 3013365"/>
              <a:gd name="connsiteY10" fmla="*/ 0 h 34152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13365" h="3415283">
                <a:moveTo>
                  <a:pt x="675893" y="0"/>
                </a:moveTo>
                <a:lnTo>
                  <a:pt x="2884021" y="0"/>
                </a:lnTo>
                <a:cubicBezTo>
                  <a:pt x="2955446" y="0"/>
                  <a:pt x="3013365" y="57921"/>
                  <a:pt x="3013365" y="129349"/>
                </a:cubicBezTo>
                <a:lnTo>
                  <a:pt x="3013365" y="3285934"/>
                </a:lnTo>
                <a:cubicBezTo>
                  <a:pt x="3013365" y="3357361"/>
                  <a:pt x="2955446" y="3415283"/>
                  <a:pt x="2884021" y="3415283"/>
                </a:cubicBezTo>
                <a:lnTo>
                  <a:pt x="129344" y="3415283"/>
                </a:lnTo>
                <a:cubicBezTo>
                  <a:pt x="57919" y="3415283"/>
                  <a:pt x="0" y="3357361"/>
                  <a:pt x="0" y="3285934"/>
                </a:cubicBezTo>
                <a:lnTo>
                  <a:pt x="0" y="1040331"/>
                </a:lnTo>
                <a:cubicBezTo>
                  <a:pt x="0" y="1016876"/>
                  <a:pt x="6388" y="993878"/>
                  <a:pt x="18434" y="973770"/>
                </a:cubicBezTo>
                <a:lnTo>
                  <a:pt x="564983" y="62789"/>
                </a:lnTo>
                <a:cubicBezTo>
                  <a:pt x="588345" y="23850"/>
                  <a:pt x="630446" y="0"/>
                  <a:pt x="675893"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sp>
        <p:nvSpPr>
          <p:cNvPr id="18" name="Plassholder for bilde 17">
            <a:extLst>
              <a:ext uri="{FF2B5EF4-FFF2-40B4-BE49-F238E27FC236}">
                <a16:creationId xmlns:a16="http://schemas.microsoft.com/office/drawing/2014/main" id="{68F59501-36A3-7D33-1CDB-9142B70E2414}"/>
              </a:ext>
            </a:extLst>
          </p:cNvPr>
          <p:cNvSpPr>
            <a:spLocks noGrp="1"/>
          </p:cNvSpPr>
          <p:nvPr>
            <p:ph type="pic" sz="quarter" idx="23" hasCustomPrompt="1"/>
          </p:nvPr>
        </p:nvSpPr>
        <p:spPr>
          <a:xfrm>
            <a:off x="4589932" y="2268000"/>
            <a:ext cx="3013365" cy="3415282"/>
          </a:xfrm>
          <a:custGeom>
            <a:avLst/>
            <a:gdLst>
              <a:gd name="connsiteX0" fmla="*/ 129344 w 3013365"/>
              <a:gd name="connsiteY0" fmla="*/ 0 h 3415282"/>
              <a:gd name="connsiteX1" fmla="*/ 2884021 w 3013365"/>
              <a:gd name="connsiteY1" fmla="*/ 0 h 3415282"/>
              <a:gd name="connsiteX2" fmla="*/ 3013365 w 3013365"/>
              <a:gd name="connsiteY2" fmla="*/ 129349 h 3415282"/>
              <a:gd name="connsiteX3" fmla="*/ 3013365 w 3013365"/>
              <a:gd name="connsiteY3" fmla="*/ 3285933 h 3415282"/>
              <a:gd name="connsiteX4" fmla="*/ 2884021 w 3013365"/>
              <a:gd name="connsiteY4" fmla="*/ 3415282 h 3415282"/>
              <a:gd name="connsiteX5" fmla="*/ 129344 w 3013365"/>
              <a:gd name="connsiteY5" fmla="*/ 3415282 h 3415282"/>
              <a:gd name="connsiteX6" fmla="*/ 0 w 3013365"/>
              <a:gd name="connsiteY6" fmla="*/ 3285933 h 3415282"/>
              <a:gd name="connsiteX7" fmla="*/ 0 w 3013365"/>
              <a:gd name="connsiteY7" fmla="*/ 129349 h 3415282"/>
              <a:gd name="connsiteX8" fmla="*/ 129344 w 3013365"/>
              <a:gd name="connsiteY8" fmla="*/ 0 h 34152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013365" h="3415282">
                <a:moveTo>
                  <a:pt x="129344" y="0"/>
                </a:moveTo>
                <a:lnTo>
                  <a:pt x="2884021" y="0"/>
                </a:lnTo>
                <a:cubicBezTo>
                  <a:pt x="2955456" y="0"/>
                  <a:pt x="3013365" y="57912"/>
                  <a:pt x="3013365" y="129349"/>
                </a:cubicBezTo>
                <a:lnTo>
                  <a:pt x="3013365" y="3285933"/>
                </a:lnTo>
                <a:cubicBezTo>
                  <a:pt x="3013365" y="3357370"/>
                  <a:pt x="2955456" y="3415282"/>
                  <a:pt x="2884021" y="3415282"/>
                </a:cubicBezTo>
                <a:lnTo>
                  <a:pt x="129344" y="3415282"/>
                </a:lnTo>
                <a:cubicBezTo>
                  <a:pt x="57909" y="3415282"/>
                  <a:pt x="0" y="3357370"/>
                  <a:pt x="0" y="3285933"/>
                </a:cubicBezTo>
                <a:lnTo>
                  <a:pt x="0" y="129349"/>
                </a:lnTo>
                <a:cubicBezTo>
                  <a:pt x="0" y="57912"/>
                  <a:pt x="57909" y="0"/>
                  <a:pt x="129344"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sp>
        <p:nvSpPr>
          <p:cNvPr id="19" name="Plassholder for bilde 18">
            <a:extLst>
              <a:ext uri="{FF2B5EF4-FFF2-40B4-BE49-F238E27FC236}">
                <a16:creationId xmlns:a16="http://schemas.microsoft.com/office/drawing/2014/main" id="{9AA6CBFA-A4DF-B93B-44FA-90890861FEE5}"/>
              </a:ext>
            </a:extLst>
          </p:cNvPr>
          <p:cNvSpPr>
            <a:spLocks noGrp="1"/>
          </p:cNvSpPr>
          <p:nvPr>
            <p:ph type="pic" sz="quarter" idx="24" hasCustomPrompt="1"/>
          </p:nvPr>
        </p:nvSpPr>
        <p:spPr>
          <a:xfrm>
            <a:off x="8340726" y="2268000"/>
            <a:ext cx="3011858" cy="3413573"/>
          </a:xfrm>
          <a:custGeom>
            <a:avLst/>
            <a:gdLst>
              <a:gd name="connsiteX0" fmla="*/ 129279 w 3011858"/>
              <a:gd name="connsiteY0" fmla="*/ 0 h 3413573"/>
              <a:gd name="connsiteX1" fmla="*/ 2882579 w 3011858"/>
              <a:gd name="connsiteY1" fmla="*/ 0 h 3413573"/>
              <a:gd name="connsiteX2" fmla="*/ 3011858 w 3011858"/>
              <a:gd name="connsiteY2" fmla="*/ 129285 h 3413573"/>
              <a:gd name="connsiteX3" fmla="*/ 3011858 w 3011858"/>
              <a:gd name="connsiteY3" fmla="*/ 2373763 h 3413573"/>
              <a:gd name="connsiteX4" fmla="*/ 2993433 w 3011858"/>
              <a:gd name="connsiteY4" fmla="*/ 2440291 h 3413573"/>
              <a:gd name="connsiteX5" fmla="*/ 2447157 w 3011858"/>
              <a:gd name="connsiteY5" fmla="*/ 3350816 h 3413573"/>
              <a:gd name="connsiteX6" fmla="*/ 2336303 w 3011858"/>
              <a:gd name="connsiteY6" fmla="*/ 3413573 h 3413573"/>
              <a:gd name="connsiteX7" fmla="*/ 129279 w 3011858"/>
              <a:gd name="connsiteY7" fmla="*/ 3413573 h 3413573"/>
              <a:gd name="connsiteX8" fmla="*/ 0 w 3011858"/>
              <a:gd name="connsiteY8" fmla="*/ 3284289 h 3413573"/>
              <a:gd name="connsiteX9" fmla="*/ 0 w 3011858"/>
              <a:gd name="connsiteY9" fmla="*/ 129285 h 3413573"/>
              <a:gd name="connsiteX10" fmla="*/ 129279 w 3011858"/>
              <a:gd name="connsiteY10" fmla="*/ 0 h 34135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11858" h="3413573">
                <a:moveTo>
                  <a:pt x="129279" y="0"/>
                </a:moveTo>
                <a:lnTo>
                  <a:pt x="2882579" y="0"/>
                </a:lnTo>
                <a:cubicBezTo>
                  <a:pt x="2953968" y="0"/>
                  <a:pt x="3011858" y="57892"/>
                  <a:pt x="3011858" y="129285"/>
                </a:cubicBezTo>
                <a:lnTo>
                  <a:pt x="3011858" y="2373763"/>
                </a:lnTo>
                <a:cubicBezTo>
                  <a:pt x="3011858" y="2397206"/>
                  <a:pt x="3005473" y="2420193"/>
                  <a:pt x="2993433" y="2440291"/>
                </a:cubicBezTo>
                <a:lnTo>
                  <a:pt x="2447157" y="3350816"/>
                </a:lnTo>
                <a:cubicBezTo>
                  <a:pt x="2423807" y="3389735"/>
                  <a:pt x="2381727" y="3413573"/>
                  <a:pt x="2336303" y="3413573"/>
                </a:cubicBezTo>
                <a:lnTo>
                  <a:pt x="129279" y="3413573"/>
                </a:lnTo>
                <a:cubicBezTo>
                  <a:pt x="57890" y="3413573"/>
                  <a:pt x="0" y="3355681"/>
                  <a:pt x="0" y="3284289"/>
                </a:cubicBezTo>
                <a:lnTo>
                  <a:pt x="0" y="129285"/>
                </a:lnTo>
                <a:cubicBezTo>
                  <a:pt x="0" y="57892"/>
                  <a:pt x="57890" y="0"/>
                  <a:pt x="129279"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pic>
        <p:nvPicPr>
          <p:cNvPr id="3" name="Bilde 2">
            <a:extLst>
              <a:ext uri="{FF2B5EF4-FFF2-40B4-BE49-F238E27FC236}">
                <a16:creationId xmlns:a16="http://schemas.microsoft.com/office/drawing/2014/main" id="{D48F12C7-4405-9A73-2043-F8CDFC8610C4}"/>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563706312"/>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4 Bilder">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18" name="Plassholder for tekst 2">
            <a:extLst>
              <a:ext uri="{FF2B5EF4-FFF2-40B4-BE49-F238E27FC236}">
                <a16:creationId xmlns:a16="http://schemas.microsoft.com/office/drawing/2014/main" id="{A626301B-92ED-FC60-D58E-E83F321FEB0D}"/>
              </a:ext>
            </a:extLst>
          </p:cNvPr>
          <p:cNvSpPr>
            <a:spLocks noGrp="1"/>
          </p:cNvSpPr>
          <p:nvPr>
            <p:ph type="body" idx="19" hasCustomPrompt="1"/>
          </p:nvPr>
        </p:nvSpPr>
        <p:spPr>
          <a:xfrm>
            <a:off x="834588" y="1440000"/>
            <a:ext cx="2487600" cy="720000"/>
          </a:xfrm>
        </p:spPr>
        <p:txBody>
          <a:bodyPr tIns="0" bIns="0" anchor="b">
            <a:noAutofit/>
          </a:bodyPr>
          <a:lstStyle>
            <a:lvl1pPr marL="0" indent="0" algn="ctr">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22" name="Plassholder for tekst 2">
            <a:extLst>
              <a:ext uri="{FF2B5EF4-FFF2-40B4-BE49-F238E27FC236}">
                <a16:creationId xmlns:a16="http://schemas.microsoft.com/office/drawing/2014/main" id="{E603E3E6-9E37-E1CB-46F9-01545DE61496}"/>
              </a:ext>
            </a:extLst>
          </p:cNvPr>
          <p:cNvSpPr>
            <a:spLocks noGrp="1"/>
          </p:cNvSpPr>
          <p:nvPr>
            <p:ph type="body" idx="21" hasCustomPrompt="1"/>
          </p:nvPr>
        </p:nvSpPr>
        <p:spPr>
          <a:xfrm>
            <a:off x="3516527" y="1440000"/>
            <a:ext cx="2486994" cy="720000"/>
          </a:xfrm>
        </p:spPr>
        <p:txBody>
          <a:bodyPr tIns="0" bIns="0" anchor="b">
            <a:noAutofit/>
          </a:bodyPr>
          <a:lstStyle>
            <a:lvl1pPr marL="0" indent="0" algn="ctr">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a:t>H2 Overskrift</a:t>
            </a:r>
          </a:p>
        </p:txBody>
      </p:sp>
      <p:sp>
        <p:nvSpPr>
          <p:cNvPr id="26" name="Plassholder for tekst 2">
            <a:extLst>
              <a:ext uri="{FF2B5EF4-FFF2-40B4-BE49-F238E27FC236}">
                <a16:creationId xmlns:a16="http://schemas.microsoft.com/office/drawing/2014/main" id="{CE16A991-591F-CAAD-7A45-42CF6A6714F2}"/>
              </a:ext>
            </a:extLst>
          </p:cNvPr>
          <p:cNvSpPr>
            <a:spLocks noGrp="1"/>
          </p:cNvSpPr>
          <p:nvPr>
            <p:ph type="body" idx="23" hasCustomPrompt="1"/>
          </p:nvPr>
        </p:nvSpPr>
        <p:spPr>
          <a:xfrm>
            <a:off x="6197860" y="1440000"/>
            <a:ext cx="2486994" cy="720000"/>
          </a:xfrm>
        </p:spPr>
        <p:txBody>
          <a:bodyPr tIns="0" bIns="0" anchor="b">
            <a:noAutofit/>
          </a:bodyPr>
          <a:lstStyle>
            <a:lvl1pPr marL="0" indent="0" algn="ctr">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a:t>H2 Overskrift</a:t>
            </a:r>
          </a:p>
        </p:txBody>
      </p:sp>
      <p:sp>
        <p:nvSpPr>
          <p:cNvPr id="30" name="Plassholder for tekst 2">
            <a:extLst>
              <a:ext uri="{FF2B5EF4-FFF2-40B4-BE49-F238E27FC236}">
                <a16:creationId xmlns:a16="http://schemas.microsoft.com/office/drawing/2014/main" id="{B76AB1BF-AF1B-EF2E-8F06-DD93E634608B}"/>
              </a:ext>
            </a:extLst>
          </p:cNvPr>
          <p:cNvSpPr>
            <a:spLocks noGrp="1"/>
          </p:cNvSpPr>
          <p:nvPr>
            <p:ph type="body" idx="25" hasCustomPrompt="1"/>
          </p:nvPr>
        </p:nvSpPr>
        <p:spPr>
          <a:xfrm>
            <a:off x="8879194" y="1440000"/>
            <a:ext cx="2486994" cy="720000"/>
          </a:xfrm>
        </p:spPr>
        <p:txBody>
          <a:bodyPr tIns="0" bIns="0" anchor="b">
            <a:noAutofit/>
          </a:bodyPr>
          <a:lstStyle>
            <a:lvl1pPr marL="0" indent="0" algn="ctr">
              <a:buNone/>
              <a:defRPr sz="24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2 Overskrift</a:t>
            </a:r>
          </a:p>
        </p:txBody>
      </p:sp>
      <p:sp>
        <p:nvSpPr>
          <p:cNvPr id="35" name="Tittel 1">
            <a:extLst>
              <a:ext uri="{FF2B5EF4-FFF2-40B4-BE49-F238E27FC236}">
                <a16:creationId xmlns:a16="http://schemas.microsoft.com/office/drawing/2014/main" id="{00F5610C-F54A-7BCA-A22E-FC9C00216289}"/>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sp>
        <p:nvSpPr>
          <p:cNvPr id="3" name="Plassholder for bilde 2">
            <a:extLst>
              <a:ext uri="{FF2B5EF4-FFF2-40B4-BE49-F238E27FC236}">
                <a16:creationId xmlns:a16="http://schemas.microsoft.com/office/drawing/2014/main" id="{AEDCDCE5-DBE3-2F22-8F65-D2EB1D65E10E}"/>
              </a:ext>
            </a:extLst>
          </p:cNvPr>
          <p:cNvSpPr>
            <a:spLocks noGrp="1"/>
          </p:cNvSpPr>
          <p:nvPr>
            <p:ph type="pic" sz="quarter" idx="22" hasCustomPrompt="1"/>
          </p:nvPr>
        </p:nvSpPr>
        <p:spPr>
          <a:xfrm>
            <a:off x="834589" y="2268000"/>
            <a:ext cx="2487600" cy="3315723"/>
          </a:xfrm>
          <a:custGeom>
            <a:avLst/>
            <a:gdLst>
              <a:gd name="connsiteX0" fmla="*/ 675893 w 3013075"/>
              <a:gd name="connsiteY0" fmla="*/ 0 h 4016129"/>
              <a:gd name="connsiteX1" fmla="*/ 2884021 w 3013075"/>
              <a:gd name="connsiteY1" fmla="*/ 0 h 4016129"/>
              <a:gd name="connsiteX2" fmla="*/ 3003199 w 3013075"/>
              <a:gd name="connsiteY2" fmla="*/ 78969 h 4016129"/>
              <a:gd name="connsiteX3" fmla="*/ 3013075 w 3013075"/>
              <a:gd name="connsiteY3" fmla="*/ 127855 h 4016129"/>
              <a:gd name="connsiteX4" fmla="*/ 3013075 w 3013075"/>
              <a:gd name="connsiteY4" fmla="*/ 3888275 h 4016129"/>
              <a:gd name="connsiteX5" fmla="*/ 3003199 w 3013075"/>
              <a:gd name="connsiteY5" fmla="*/ 3937161 h 4016129"/>
              <a:gd name="connsiteX6" fmla="*/ 2884021 w 3013075"/>
              <a:gd name="connsiteY6" fmla="*/ 4016129 h 4016129"/>
              <a:gd name="connsiteX7" fmla="*/ 129344 w 3013075"/>
              <a:gd name="connsiteY7" fmla="*/ 4016129 h 4016129"/>
              <a:gd name="connsiteX8" fmla="*/ 0 w 3013075"/>
              <a:gd name="connsiteY8" fmla="*/ 3886839 h 4016129"/>
              <a:gd name="connsiteX9" fmla="*/ 0 w 3013075"/>
              <a:gd name="connsiteY9" fmla="*/ 1039851 h 4016129"/>
              <a:gd name="connsiteX10" fmla="*/ 18434 w 3013075"/>
              <a:gd name="connsiteY10" fmla="*/ 973321 h 4016129"/>
              <a:gd name="connsiteX11" fmla="*/ 564983 w 3013075"/>
              <a:gd name="connsiteY11" fmla="*/ 62760 h 4016129"/>
              <a:gd name="connsiteX12" fmla="*/ 675893 w 3013075"/>
              <a:gd name="connsiteY12" fmla="*/ 0 h 4016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013075" h="4016129">
                <a:moveTo>
                  <a:pt x="675893" y="0"/>
                </a:moveTo>
                <a:lnTo>
                  <a:pt x="2884021" y="0"/>
                </a:lnTo>
                <a:cubicBezTo>
                  <a:pt x="2937590" y="0"/>
                  <a:pt x="2983561" y="32566"/>
                  <a:pt x="3003199" y="78969"/>
                </a:cubicBezTo>
                <a:lnTo>
                  <a:pt x="3013075" y="127855"/>
                </a:lnTo>
                <a:lnTo>
                  <a:pt x="3013075" y="3888275"/>
                </a:lnTo>
                <a:lnTo>
                  <a:pt x="3003199" y="3937161"/>
                </a:lnTo>
                <a:cubicBezTo>
                  <a:pt x="2983561" y="3983563"/>
                  <a:pt x="2937590" y="4016129"/>
                  <a:pt x="2884021" y="4016129"/>
                </a:cubicBezTo>
                <a:lnTo>
                  <a:pt x="129344" y="4016129"/>
                </a:lnTo>
                <a:cubicBezTo>
                  <a:pt x="57919" y="4016129"/>
                  <a:pt x="0" y="3958234"/>
                  <a:pt x="0" y="3886839"/>
                </a:cubicBezTo>
                <a:lnTo>
                  <a:pt x="0" y="1039851"/>
                </a:lnTo>
                <a:cubicBezTo>
                  <a:pt x="0" y="1016408"/>
                  <a:pt x="6358" y="993420"/>
                  <a:pt x="18434" y="973321"/>
                </a:cubicBezTo>
                <a:lnTo>
                  <a:pt x="564983" y="62760"/>
                </a:lnTo>
                <a:cubicBezTo>
                  <a:pt x="588376" y="23839"/>
                  <a:pt x="630477" y="0"/>
                  <a:pt x="675893" y="0"/>
                </a:cubicBezTo>
                <a:close/>
              </a:path>
            </a:pathLst>
          </a:custGeom>
          <a:noFill/>
        </p:spPr>
        <p:txBody>
          <a:bodyPr wrap="square" anchor="ctr">
            <a:noAutofit/>
          </a:bodyPr>
          <a:lstStyle>
            <a:lvl1pPr marL="0" indent="0" algn="ctr">
              <a:buNone/>
              <a:defRPr sz="1800">
                <a:solidFill>
                  <a:schemeClr val="tx1"/>
                </a:solidFill>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4" name="Plassholder for bilde 3">
            <a:extLst>
              <a:ext uri="{FF2B5EF4-FFF2-40B4-BE49-F238E27FC236}">
                <a16:creationId xmlns:a16="http://schemas.microsoft.com/office/drawing/2014/main" id="{1A838B20-B4A9-9C59-6814-FD67BFC80281}"/>
              </a:ext>
            </a:extLst>
          </p:cNvPr>
          <p:cNvSpPr>
            <a:spLocks noGrp="1"/>
          </p:cNvSpPr>
          <p:nvPr>
            <p:ph type="pic" sz="quarter" idx="24" hasCustomPrompt="1"/>
          </p:nvPr>
        </p:nvSpPr>
        <p:spPr>
          <a:xfrm>
            <a:off x="3516527" y="2268335"/>
            <a:ext cx="2486994" cy="3314597"/>
          </a:xfrm>
          <a:custGeom>
            <a:avLst/>
            <a:gdLst>
              <a:gd name="connsiteX0" fmla="*/ 129344 w 3013364"/>
              <a:gd name="connsiteY0" fmla="*/ 0 h 4016129"/>
              <a:gd name="connsiteX1" fmla="*/ 2884021 w 3013364"/>
              <a:gd name="connsiteY1" fmla="*/ 0 h 4016129"/>
              <a:gd name="connsiteX2" fmla="*/ 3003199 w 3013364"/>
              <a:gd name="connsiteY2" fmla="*/ 78969 h 4016129"/>
              <a:gd name="connsiteX3" fmla="*/ 3013364 w 3013364"/>
              <a:gd name="connsiteY3" fmla="*/ 129285 h 4016129"/>
              <a:gd name="connsiteX4" fmla="*/ 3013364 w 3013364"/>
              <a:gd name="connsiteY4" fmla="*/ 2976286 h 4016129"/>
              <a:gd name="connsiteX5" fmla="*/ 3008677 w 3013364"/>
              <a:gd name="connsiteY5" fmla="*/ 3010798 h 4016129"/>
              <a:gd name="connsiteX6" fmla="*/ 2994931 w 3013364"/>
              <a:gd name="connsiteY6" fmla="*/ 3042808 h 4016129"/>
              <a:gd name="connsiteX7" fmla="*/ 2448382 w 3013364"/>
              <a:gd name="connsiteY7" fmla="*/ 3953370 h 4016129"/>
              <a:gd name="connsiteX8" fmla="*/ 2401209 w 3013364"/>
              <a:gd name="connsiteY8" fmla="*/ 3999357 h 4016129"/>
              <a:gd name="connsiteX9" fmla="*/ 2337476 w 3013364"/>
              <a:gd name="connsiteY9" fmla="*/ 4016129 h 4016129"/>
              <a:gd name="connsiteX10" fmla="*/ 129339 w 3013364"/>
              <a:gd name="connsiteY10" fmla="*/ 4016129 h 4016129"/>
              <a:gd name="connsiteX11" fmla="*/ 79002 w 3013364"/>
              <a:gd name="connsiteY11" fmla="*/ 4005969 h 4016129"/>
              <a:gd name="connsiteX12" fmla="*/ 0 w 3013364"/>
              <a:gd name="connsiteY12" fmla="*/ 3886840 h 4016129"/>
              <a:gd name="connsiteX13" fmla="*/ 0 w 3013364"/>
              <a:gd name="connsiteY13" fmla="*/ 129290 h 4016129"/>
              <a:gd name="connsiteX14" fmla="*/ 129344 w 3013364"/>
              <a:gd name="connsiteY14" fmla="*/ 0 h 4016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013364" h="4016129">
                <a:moveTo>
                  <a:pt x="129344" y="0"/>
                </a:moveTo>
                <a:lnTo>
                  <a:pt x="2884021" y="0"/>
                </a:lnTo>
                <a:cubicBezTo>
                  <a:pt x="2937590" y="0"/>
                  <a:pt x="2983561" y="32566"/>
                  <a:pt x="3003199" y="78969"/>
                </a:cubicBezTo>
                <a:lnTo>
                  <a:pt x="3013364" y="129285"/>
                </a:lnTo>
                <a:lnTo>
                  <a:pt x="3013364" y="2976286"/>
                </a:lnTo>
                <a:lnTo>
                  <a:pt x="3008677" y="3010798"/>
                </a:lnTo>
                <a:cubicBezTo>
                  <a:pt x="3005578" y="3021988"/>
                  <a:pt x="3000969" y="3032759"/>
                  <a:pt x="2994931" y="3042808"/>
                </a:cubicBezTo>
                <a:lnTo>
                  <a:pt x="2448382" y="3953370"/>
                </a:lnTo>
                <a:cubicBezTo>
                  <a:pt x="2436701" y="3972846"/>
                  <a:pt x="2420335" y="3988536"/>
                  <a:pt x="2401209" y="3999357"/>
                </a:cubicBezTo>
                <a:lnTo>
                  <a:pt x="2337476" y="4016129"/>
                </a:lnTo>
                <a:lnTo>
                  <a:pt x="129339" y="4016129"/>
                </a:lnTo>
                <a:lnTo>
                  <a:pt x="79002" y="4005969"/>
                </a:lnTo>
                <a:cubicBezTo>
                  <a:pt x="32580" y="3986339"/>
                  <a:pt x="0" y="3940386"/>
                  <a:pt x="0" y="3886840"/>
                </a:cubicBezTo>
                <a:lnTo>
                  <a:pt x="0" y="129290"/>
                </a:lnTo>
                <a:cubicBezTo>
                  <a:pt x="0" y="57895"/>
                  <a:pt x="57919" y="0"/>
                  <a:pt x="129344" y="0"/>
                </a:cubicBezTo>
                <a:close/>
              </a:path>
            </a:pathLst>
          </a:custGeom>
          <a:noFill/>
        </p:spPr>
        <p:txBody>
          <a:bodyPr wrap="square" anchor="ctr">
            <a:noAutofit/>
          </a:bodyPr>
          <a:lstStyle>
            <a:lvl1pPr marL="0" indent="0" algn="ctr">
              <a:buFontTx/>
              <a:buNone/>
              <a:defRPr sz="1800">
                <a:solidFill>
                  <a:schemeClr val="tx1"/>
                </a:solidFill>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 name="Plassholder for bilde 4">
            <a:extLst>
              <a:ext uri="{FF2B5EF4-FFF2-40B4-BE49-F238E27FC236}">
                <a16:creationId xmlns:a16="http://schemas.microsoft.com/office/drawing/2014/main" id="{70861E1D-FE3B-5B7C-AB83-91C50EE73BDF}"/>
              </a:ext>
            </a:extLst>
          </p:cNvPr>
          <p:cNvSpPr>
            <a:spLocks noGrp="1"/>
          </p:cNvSpPr>
          <p:nvPr>
            <p:ph type="pic" sz="quarter" idx="26" hasCustomPrompt="1"/>
          </p:nvPr>
        </p:nvSpPr>
        <p:spPr>
          <a:xfrm>
            <a:off x="6197860" y="2268000"/>
            <a:ext cx="2486994" cy="3314595"/>
          </a:xfrm>
          <a:custGeom>
            <a:avLst/>
            <a:gdLst>
              <a:gd name="connsiteX0" fmla="*/ 129325 w 3012910"/>
              <a:gd name="connsiteY0" fmla="*/ 0 h 4015521"/>
              <a:gd name="connsiteX1" fmla="*/ 2883585 w 3012910"/>
              <a:gd name="connsiteY1" fmla="*/ 0 h 4015521"/>
              <a:gd name="connsiteX2" fmla="*/ 3012910 w 3012910"/>
              <a:gd name="connsiteY2" fmla="*/ 129270 h 4015521"/>
              <a:gd name="connsiteX3" fmla="*/ 3012910 w 3012910"/>
              <a:gd name="connsiteY3" fmla="*/ 3886251 h 4015521"/>
              <a:gd name="connsiteX4" fmla="*/ 2883585 w 3012910"/>
              <a:gd name="connsiteY4" fmla="*/ 4015521 h 4015521"/>
              <a:gd name="connsiteX5" fmla="*/ 129325 w 3012910"/>
              <a:gd name="connsiteY5" fmla="*/ 4015521 h 4015521"/>
              <a:gd name="connsiteX6" fmla="*/ 0 w 3012910"/>
              <a:gd name="connsiteY6" fmla="*/ 3886251 h 4015521"/>
              <a:gd name="connsiteX7" fmla="*/ 0 w 3012910"/>
              <a:gd name="connsiteY7" fmla="*/ 129270 h 4015521"/>
              <a:gd name="connsiteX8" fmla="*/ 129325 w 3012910"/>
              <a:gd name="connsiteY8" fmla="*/ 0 h 40155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012910" h="4015521">
                <a:moveTo>
                  <a:pt x="129325" y="0"/>
                </a:moveTo>
                <a:lnTo>
                  <a:pt x="2883585" y="0"/>
                </a:lnTo>
                <a:cubicBezTo>
                  <a:pt x="2955009" y="0"/>
                  <a:pt x="3012910" y="57876"/>
                  <a:pt x="3012910" y="129270"/>
                </a:cubicBezTo>
                <a:lnTo>
                  <a:pt x="3012910" y="3886251"/>
                </a:lnTo>
                <a:cubicBezTo>
                  <a:pt x="3012910" y="3957645"/>
                  <a:pt x="2955009" y="4015521"/>
                  <a:pt x="2883585" y="4015521"/>
                </a:cubicBezTo>
                <a:lnTo>
                  <a:pt x="129325" y="4015521"/>
                </a:lnTo>
                <a:cubicBezTo>
                  <a:pt x="57901" y="4015521"/>
                  <a:pt x="0" y="3957645"/>
                  <a:pt x="0" y="3886251"/>
                </a:cubicBezTo>
                <a:lnTo>
                  <a:pt x="0" y="129270"/>
                </a:lnTo>
                <a:cubicBezTo>
                  <a:pt x="0" y="57876"/>
                  <a:pt x="57901" y="0"/>
                  <a:pt x="129325" y="0"/>
                </a:cubicBezTo>
                <a:close/>
              </a:path>
            </a:pathLst>
          </a:custGeom>
          <a:noFill/>
        </p:spPr>
        <p:txBody>
          <a:bodyPr wrap="square" anchor="ctr">
            <a:noAutofit/>
          </a:bodyPr>
          <a:lstStyle>
            <a:lvl1pPr marL="0" indent="0" algn="ctr">
              <a:buNone/>
              <a:defRPr sz="1800">
                <a:solidFill>
                  <a:schemeClr val="tx1"/>
                </a:solidFill>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13" name="Plassholder for bilde 12">
            <a:extLst>
              <a:ext uri="{FF2B5EF4-FFF2-40B4-BE49-F238E27FC236}">
                <a16:creationId xmlns:a16="http://schemas.microsoft.com/office/drawing/2014/main" id="{0D2B1E80-5263-B1D4-27A0-F83907448B29}"/>
              </a:ext>
            </a:extLst>
          </p:cNvPr>
          <p:cNvSpPr>
            <a:spLocks noGrp="1"/>
          </p:cNvSpPr>
          <p:nvPr>
            <p:ph type="pic" sz="quarter" idx="27" hasCustomPrompt="1"/>
          </p:nvPr>
        </p:nvSpPr>
        <p:spPr>
          <a:xfrm>
            <a:off x="8879192" y="2268000"/>
            <a:ext cx="2487309" cy="3314932"/>
          </a:xfrm>
          <a:custGeom>
            <a:avLst/>
            <a:gdLst>
              <a:gd name="connsiteX0" fmla="*/ 557934 w 2487309"/>
              <a:gd name="connsiteY0" fmla="*/ 0 h 3314932"/>
              <a:gd name="connsiteX1" fmla="*/ 2380693 w 2487309"/>
              <a:gd name="connsiteY1" fmla="*/ 0 h 3314932"/>
              <a:gd name="connsiteX2" fmla="*/ 2479072 w 2487309"/>
              <a:gd name="connsiteY2" fmla="*/ 65187 h 3314932"/>
              <a:gd name="connsiteX3" fmla="*/ 2487309 w 2487309"/>
              <a:gd name="connsiteY3" fmla="*/ 105959 h 3314932"/>
              <a:gd name="connsiteX4" fmla="*/ 2487309 w 2487309"/>
              <a:gd name="connsiteY4" fmla="*/ 800379 h 3314932"/>
              <a:gd name="connsiteX5" fmla="*/ 2483594 w 2487309"/>
              <a:gd name="connsiteY5" fmla="*/ 827733 h 3314932"/>
              <a:gd name="connsiteX6" fmla="*/ 2472247 w 2487309"/>
              <a:gd name="connsiteY6" fmla="*/ 854157 h 3314932"/>
              <a:gd name="connsiteX7" fmla="*/ 2086999 w 2487309"/>
              <a:gd name="connsiteY7" fmla="*/ 1495992 h 3314932"/>
              <a:gd name="connsiteX8" fmla="*/ 2178552 w 2487309"/>
              <a:gd name="connsiteY8" fmla="*/ 1657636 h 3314932"/>
              <a:gd name="connsiteX9" fmla="*/ 2380693 w 2487309"/>
              <a:gd name="connsiteY9" fmla="*/ 1657636 h 3314932"/>
              <a:gd name="connsiteX10" fmla="*/ 2479072 w 2487309"/>
              <a:gd name="connsiteY10" fmla="*/ 1722823 h 3314932"/>
              <a:gd name="connsiteX11" fmla="*/ 2487309 w 2487309"/>
              <a:gd name="connsiteY11" fmla="*/ 1763595 h 3314932"/>
              <a:gd name="connsiteX12" fmla="*/ 2487309 w 2487309"/>
              <a:gd name="connsiteY12" fmla="*/ 2458015 h 3314932"/>
              <a:gd name="connsiteX13" fmla="*/ 2483594 w 2487309"/>
              <a:gd name="connsiteY13" fmla="*/ 2485369 h 3314932"/>
              <a:gd name="connsiteX14" fmla="*/ 2472247 w 2487309"/>
              <a:gd name="connsiteY14" fmla="*/ 2511793 h 3314932"/>
              <a:gd name="connsiteX15" fmla="*/ 2021083 w 2487309"/>
              <a:gd name="connsiteY15" fmla="*/ 3263441 h 3314932"/>
              <a:gd name="connsiteX16" fmla="*/ 1982143 w 2487309"/>
              <a:gd name="connsiteY16" fmla="*/ 3301402 h 3314932"/>
              <a:gd name="connsiteX17" fmla="*/ 1930726 w 2487309"/>
              <a:gd name="connsiteY17" fmla="*/ 3314932 h 3314932"/>
              <a:gd name="connsiteX18" fmla="*/ 105334 w 2487309"/>
              <a:gd name="connsiteY18" fmla="*/ 3314932 h 3314932"/>
              <a:gd name="connsiteX19" fmla="*/ 65214 w 2487309"/>
              <a:gd name="connsiteY19" fmla="*/ 3306834 h 3314932"/>
              <a:gd name="connsiteX20" fmla="*/ 0 w 2487309"/>
              <a:gd name="connsiteY20" fmla="*/ 3208497 h 3314932"/>
              <a:gd name="connsiteX21" fmla="*/ 0 w 2487309"/>
              <a:gd name="connsiteY21" fmla="*/ 858373 h 3314932"/>
              <a:gd name="connsiteX22" fmla="*/ 15217 w 2487309"/>
              <a:gd name="connsiteY22" fmla="*/ 803454 h 3314932"/>
              <a:gd name="connsiteX23" fmla="*/ 466381 w 2487309"/>
              <a:gd name="connsiteY23" fmla="*/ 51807 h 3314932"/>
              <a:gd name="connsiteX24" fmla="*/ 557934 w 2487309"/>
              <a:gd name="connsiteY24" fmla="*/ 0 h 3314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487309" h="3314932">
                <a:moveTo>
                  <a:pt x="557934" y="0"/>
                </a:moveTo>
                <a:lnTo>
                  <a:pt x="2380693" y="0"/>
                </a:lnTo>
                <a:cubicBezTo>
                  <a:pt x="2424913" y="0"/>
                  <a:pt x="2462862" y="26883"/>
                  <a:pt x="2479072" y="65187"/>
                </a:cubicBezTo>
                <a:lnTo>
                  <a:pt x="2487309" y="105959"/>
                </a:lnTo>
                <a:lnTo>
                  <a:pt x="2487309" y="800379"/>
                </a:lnTo>
                <a:lnTo>
                  <a:pt x="2483594" y="827733"/>
                </a:lnTo>
                <a:cubicBezTo>
                  <a:pt x="2481036" y="836969"/>
                  <a:pt x="2477231" y="845861"/>
                  <a:pt x="2472247" y="854157"/>
                </a:cubicBezTo>
                <a:lnTo>
                  <a:pt x="2086999" y="1495992"/>
                </a:lnTo>
                <a:cubicBezTo>
                  <a:pt x="2044310" y="1567125"/>
                  <a:pt x="2095561" y="1657636"/>
                  <a:pt x="2178552" y="1657636"/>
                </a:cubicBezTo>
                <a:lnTo>
                  <a:pt x="2380693" y="1657636"/>
                </a:lnTo>
                <a:cubicBezTo>
                  <a:pt x="2424913" y="1657636"/>
                  <a:pt x="2462862" y="1684519"/>
                  <a:pt x="2479072" y="1722823"/>
                </a:cubicBezTo>
                <a:lnTo>
                  <a:pt x="2487309" y="1763595"/>
                </a:lnTo>
                <a:lnTo>
                  <a:pt x="2487309" y="2458015"/>
                </a:lnTo>
                <a:lnTo>
                  <a:pt x="2483594" y="2485369"/>
                </a:lnTo>
                <a:cubicBezTo>
                  <a:pt x="2481036" y="2494606"/>
                  <a:pt x="2477231" y="2503498"/>
                  <a:pt x="2472247" y="2511793"/>
                </a:cubicBezTo>
                <a:lnTo>
                  <a:pt x="2021083" y="3263441"/>
                </a:lnTo>
                <a:cubicBezTo>
                  <a:pt x="2011441" y="3279518"/>
                  <a:pt x="1997931" y="3292469"/>
                  <a:pt x="1982143" y="3301402"/>
                </a:cubicBezTo>
                <a:lnTo>
                  <a:pt x="1930726" y="3314932"/>
                </a:lnTo>
                <a:lnTo>
                  <a:pt x="105334" y="3314932"/>
                </a:lnTo>
                <a:lnTo>
                  <a:pt x="65214" y="3306834"/>
                </a:lnTo>
                <a:cubicBezTo>
                  <a:pt x="26894" y="3290631"/>
                  <a:pt x="0" y="3252698"/>
                  <a:pt x="0" y="3208497"/>
                </a:cubicBezTo>
                <a:lnTo>
                  <a:pt x="0" y="858373"/>
                </a:lnTo>
                <a:cubicBezTo>
                  <a:pt x="0" y="839021"/>
                  <a:pt x="5248" y="820046"/>
                  <a:pt x="15217" y="803454"/>
                </a:cubicBezTo>
                <a:lnTo>
                  <a:pt x="466381" y="51807"/>
                </a:lnTo>
                <a:cubicBezTo>
                  <a:pt x="485691" y="19678"/>
                  <a:pt x="520444" y="0"/>
                  <a:pt x="557934" y="0"/>
                </a:cubicBezTo>
                <a:close/>
              </a:path>
            </a:pathLst>
          </a:custGeom>
          <a:noFill/>
        </p:spPr>
        <p:txBody>
          <a:bodyPr wrap="square" anchor="ctr">
            <a:noAutofit/>
          </a:bodyPr>
          <a:lstStyle>
            <a:lvl1pPr marL="0" indent="0" algn="ctr">
              <a:buNone/>
              <a:defRPr sz="1800">
                <a:solidFill>
                  <a:schemeClr val="tx1"/>
                </a:solidFill>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pic>
        <p:nvPicPr>
          <p:cNvPr id="7" name="Bilde 2">
            <a:extLst>
              <a:ext uri="{FF2B5EF4-FFF2-40B4-BE49-F238E27FC236}">
                <a16:creationId xmlns:a16="http://schemas.microsoft.com/office/drawing/2014/main" id="{02067B16-188B-F58A-C1F4-2C6EF97CF8F4}"/>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2563544554"/>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5 Bilder (v1)">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18" name="Plassholder for tekst 2">
            <a:extLst>
              <a:ext uri="{FF2B5EF4-FFF2-40B4-BE49-F238E27FC236}">
                <a16:creationId xmlns:a16="http://schemas.microsoft.com/office/drawing/2014/main" id="{A626301B-92ED-FC60-D58E-E83F321FEB0D}"/>
              </a:ext>
            </a:extLst>
          </p:cNvPr>
          <p:cNvSpPr>
            <a:spLocks noGrp="1"/>
          </p:cNvSpPr>
          <p:nvPr>
            <p:ph type="body" idx="19" hasCustomPrompt="1"/>
          </p:nvPr>
        </p:nvSpPr>
        <p:spPr>
          <a:xfrm>
            <a:off x="838199" y="2088000"/>
            <a:ext cx="1962000" cy="575535"/>
          </a:xfrm>
        </p:spPr>
        <p:txBody>
          <a:bodyPr tIns="46800" bIns="46800" anchor="b">
            <a:noAutofit/>
          </a:bodyPr>
          <a:lstStyle>
            <a:lvl1pPr marL="0" indent="0" algn="ctr">
              <a:spcBef>
                <a:spcPts val="0"/>
              </a:spcBef>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22" name="Plassholder for tekst 2">
            <a:extLst>
              <a:ext uri="{FF2B5EF4-FFF2-40B4-BE49-F238E27FC236}">
                <a16:creationId xmlns:a16="http://schemas.microsoft.com/office/drawing/2014/main" id="{E603E3E6-9E37-E1CB-46F9-01545DE61496}"/>
              </a:ext>
            </a:extLst>
          </p:cNvPr>
          <p:cNvSpPr>
            <a:spLocks noGrp="1"/>
          </p:cNvSpPr>
          <p:nvPr>
            <p:ph type="body" idx="21" hasCustomPrompt="1"/>
          </p:nvPr>
        </p:nvSpPr>
        <p:spPr>
          <a:xfrm>
            <a:off x="2976599" y="2088000"/>
            <a:ext cx="1962000" cy="576250"/>
          </a:xfrm>
        </p:spPr>
        <p:txBody>
          <a:bodyPr tIns="46800" bIns="46800" anchor="b">
            <a:noAutofit/>
          </a:bodyPr>
          <a:lstStyle>
            <a:lvl1pPr marL="0" indent="0" algn="ctr">
              <a:spcBef>
                <a:spcPts val="0"/>
              </a:spcBef>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26" name="Plassholder for tekst 2">
            <a:extLst>
              <a:ext uri="{FF2B5EF4-FFF2-40B4-BE49-F238E27FC236}">
                <a16:creationId xmlns:a16="http://schemas.microsoft.com/office/drawing/2014/main" id="{CE16A991-591F-CAAD-7A45-42CF6A6714F2}"/>
              </a:ext>
            </a:extLst>
          </p:cNvPr>
          <p:cNvSpPr>
            <a:spLocks noGrp="1"/>
          </p:cNvSpPr>
          <p:nvPr>
            <p:ph type="body" idx="23" hasCustomPrompt="1"/>
          </p:nvPr>
        </p:nvSpPr>
        <p:spPr>
          <a:xfrm>
            <a:off x="5114999" y="2088000"/>
            <a:ext cx="1962000" cy="576250"/>
          </a:xfrm>
        </p:spPr>
        <p:txBody>
          <a:bodyPr tIns="46800" bIns="46800" anchor="b">
            <a:noAutofit/>
          </a:bodyPr>
          <a:lstStyle>
            <a:lvl1pPr marL="0" indent="0" algn="ctr">
              <a:spcBef>
                <a:spcPts val="0"/>
              </a:spcBef>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30" name="Plassholder for tekst 2">
            <a:extLst>
              <a:ext uri="{FF2B5EF4-FFF2-40B4-BE49-F238E27FC236}">
                <a16:creationId xmlns:a16="http://schemas.microsoft.com/office/drawing/2014/main" id="{B76AB1BF-AF1B-EF2E-8F06-DD93E634608B}"/>
              </a:ext>
            </a:extLst>
          </p:cNvPr>
          <p:cNvSpPr>
            <a:spLocks noGrp="1"/>
          </p:cNvSpPr>
          <p:nvPr>
            <p:ph type="body" idx="25" hasCustomPrompt="1"/>
          </p:nvPr>
        </p:nvSpPr>
        <p:spPr>
          <a:xfrm>
            <a:off x="7253399" y="2088000"/>
            <a:ext cx="1962000" cy="576250"/>
          </a:xfrm>
        </p:spPr>
        <p:txBody>
          <a:bodyPr tIns="46800" bIns="46800" anchor="b">
            <a:noAutofit/>
          </a:bodyPr>
          <a:lstStyle>
            <a:lvl1pPr marL="0" indent="0" algn="ctr">
              <a:spcBef>
                <a:spcPts val="0"/>
              </a:spcBef>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3" name="Plassholder for tekst 2">
            <a:extLst>
              <a:ext uri="{FF2B5EF4-FFF2-40B4-BE49-F238E27FC236}">
                <a16:creationId xmlns:a16="http://schemas.microsoft.com/office/drawing/2014/main" id="{639573D8-71D4-2D3C-C700-E5420324AFA0}"/>
              </a:ext>
            </a:extLst>
          </p:cNvPr>
          <p:cNvSpPr>
            <a:spLocks noGrp="1"/>
          </p:cNvSpPr>
          <p:nvPr>
            <p:ph type="body" idx="31" hasCustomPrompt="1"/>
          </p:nvPr>
        </p:nvSpPr>
        <p:spPr>
          <a:xfrm>
            <a:off x="9391800" y="2088000"/>
            <a:ext cx="1962000" cy="576250"/>
          </a:xfrm>
        </p:spPr>
        <p:txBody>
          <a:bodyPr tIns="46800" bIns="46800" anchor="b">
            <a:noAutofit/>
          </a:bodyPr>
          <a:lstStyle>
            <a:lvl1pPr marL="0" indent="0" algn="ctr">
              <a:spcBef>
                <a:spcPts val="0"/>
              </a:spcBef>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 name="Tittel 1">
            <a:extLst>
              <a:ext uri="{FF2B5EF4-FFF2-40B4-BE49-F238E27FC236}">
                <a16:creationId xmlns:a16="http://schemas.microsoft.com/office/drawing/2014/main" id="{CB046190-18F1-B510-732D-0343420A73A7}"/>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sp>
        <p:nvSpPr>
          <p:cNvPr id="7" name="Plassholder for bilde 6">
            <a:extLst>
              <a:ext uri="{FF2B5EF4-FFF2-40B4-BE49-F238E27FC236}">
                <a16:creationId xmlns:a16="http://schemas.microsoft.com/office/drawing/2014/main" id="{B4D3BFEB-B91A-7355-B842-25DB1688E89A}"/>
              </a:ext>
            </a:extLst>
          </p:cNvPr>
          <p:cNvSpPr>
            <a:spLocks noGrp="1"/>
          </p:cNvSpPr>
          <p:nvPr>
            <p:ph type="pic" sz="quarter" idx="22" hasCustomPrompt="1"/>
          </p:nvPr>
        </p:nvSpPr>
        <p:spPr>
          <a:xfrm>
            <a:off x="838199" y="2915975"/>
            <a:ext cx="1962000" cy="2615151"/>
          </a:xfrm>
          <a:custGeom>
            <a:avLst/>
            <a:gdLst>
              <a:gd name="connsiteX0" fmla="*/ 675893 w 3013075"/>
              <a:gd name="connsiteY0" fmla="*/ 0 h 4016129"/>
              <a:gd name="connsiteX1" fmla="*/ 2884021 w 3013075"/>
              <a:gd name="connsiteY1" fmla="*/ 0 h 4016129"/>
              <a:gd name="connsiteX2" fmla="*/ 3003199 w 3013075"/>
              <a:gd name="connsiteY2" fmla="*/ 78969 h 4016129"/>
              <a:gd name="connsiteX3" fmla="*/ 3013075 w 3013075"/>
              <a:gd name="connsiteY3" fmla="*/ 127855 h 4016129"/>
              <a:gd name="connsiteX4" fmla="*/ 3013075 w 3013075"/>
              <a:gd name="connsiteY4" fmla="*/ 3888275 h 4016129"/>
              <a:gd name="connsiteX5" fmla="*/ 3003199 w 3013075"/>
              <a:gd name="connsiteY5" fmla="*/ 3937161 h 4016129"/>
              <a:gd name="connsiteX6" fmla="*/ 2884021 w 3013075"/>
              <a:gd name="connsiteY6" fmla="*/ 4016129 h 4016129"/>
              <a:gd name="connsiteX7" fmla="*/ 129344 w 3013075"/>
              <a:gd name="connsiteY7" fmla="*/ 4016129 h 4016129"/>
              <a:gd name="connsiteX8" fmla="*/ 0 w 3013075"/>
              <a:gd name="connsiteY8" fmla="*/ 3886839 h 4016129"/>
              <a:gd name="connsiteX9" fmla="*/ 0 w 3013075"/>
              <a:gd name="connsiteY9" fmla="*/ 1039851 h 4016129"/>
              <a:gd name="connsiteX10" fmla="*/ 18434 w 3013075"/>
              <a:gd name="connsiteY10" fmla="*/ 973321 h 4016129"/>
              <a:gd name="connsiteX11" fmla="*/ 564983 w 3013075"/>
              <a:gd name="connsiteY11" fmla="*/ 62760 h 4016129"/>
              <a:gd name="connsiteX12" fmla="*/ 675893 w 3013075"/>
              <a:gd name="connsiteY12" fmla="*/ 0 h 4016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013075" h="4016129">
                <a:moveTo>
                  <a:pt x="675893" y="0"/>
                </a:moveTo>
                <a:lnTo>
                  <a:pt x="2884021" y="0"/>
                </a:lnTo>
                <a:cubicBezTo>
                  <a:pt x="2937590" y="0"/>
                  <a:pt x="2983561" y="32566"/>
                  <a:pt x="3003199" y="78969"/>
                </a:cubicBezTo>
                <a:lnTo>
                  <a:pt x="3013075" y="127855"/>
                </a:lnTo>
                <a:lnTo>
                  <a:pt x="3013075" y="3888275"/>
                </a:lnTo>
                <a:lnTo>
                  <a:pt x="3003199" y="3937161"/>
                </a:lnTo>
                <a:cubicBezTo>
                  <a:pt x="2983561" y="3983563"/>
                  <a:pt x="2937590" y="4016129"/>
                  <a:pt x="2884021" y="4016129"/>
                </a:cubicBezTo>
                <a:lnTo>
                  <a:pt x="129344" y="4016129"/>
                </a:lnTo>
                <a:cubicBezTo>
                  <a:pt x="57919" y="4016129"/>
                  <a:pt x="0" y="3958234"/>
                  <a:pt x="0" y="3886839"/>
                </a:cubicBezTo>
                <a:lnTo>
                  <a:pt x="0" y="1039851"/>
                </a:lnTo>
                <a:cubicBezTo>
                  <a:pt x="0" y="1016408"/>
                  <a:pt x="6358" y="993420"/>
                  <a:pt x="18434" y="973321"/>
                </a:cubicBezTo>
                <a:lnTo>
                  <a:pt x="564983" y="62760"/>
                </a:lnTo>
                <a:cubicBezTo>
                  <a:pt x="588376" y="23839"/>
                  <a:pt x="630477" y="0"/>
                  <a:pt x="675893" y="0"/>
                </a:cubicBezTo>
                <a:close/>
              </a:path>
            </a:pathLst>
          </a:custGeom>
          <a:noFill/>
        </p:spPr>
        <p:txBody>
          <a:bodyPr wrap="square" anchor="ctr">
            <a:noAutofit/>
          </a:bodyPr>
          <a:lstStyle>
            <a:lvl1pPr marL="0" indent="0" algn="ctr">
              <a:buNone/>
              <a:defRPr sz="1600">
                <a:solidFill>
                  <a:schemeClr val="tx1"/>
                </a:solidFill>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8" name="Plassholder for bilde 7">
            <a:extLst>
              <a:ext uri="{FF2B5EF4-FFF2-40B4-BE49-F238E27FC236}">
                <a16:creationId xmlns:a16="http://schemas.microsoft.com/office/drawing/2014/main" id="{401B58C5-300D-BD68-6A4F-AEF833660933}"/>
              </a:ext>
            </a:extLst>
          </p:cNvPr>
          <p:cNvSpPr>
            <a:spLocks noGrp="1"/>
          </p:cNvSpPr>
          <p:nvPr>
            <p:ph type="pic" sz="quarter" idx="24" hasCustomPrompt="1"/>
          </p:nvPr>
        </p:nvSpPr>
        <p:spPr>
          <a:xfrm>
            <a:off x="2975959" y="2915833"/>
            <a:ext cx="1962000" cy="2614899"/>
          </a:xfrm>
          <a:custGeom>
            <a:avLst/>
            <a:gdLst>
              <a:gd name="connsiteX0" fmla="*/ 129344 w 3013364"/>
              <a:gd name="connsiteY0" fmla="*/ 0 h 4016129"/>
              <a:gd name="connsiteX1" fmla="*/ 2884021 w 3013364"/>
              <a:gd name="connsiteY1" fmla="*/ 0 h 4016129"/>
              <a:gd name="connsiteX2" fmla="*/ 3003199 w 3013364"/>
              <a:gd name="connsiteY2" fmla="*/ 78969 h 4016129"/>
              <a:gd name="connsiteX3" fmla="*/ 3013364 w 3013364"/>
              <a:gd name="connsiteY3" fmla="*/ 129285 h 4016129"/>
              <a:gd name="connsiteX4" fmla="*/ 3013364 w 3013364"/>
              <a:gd name="connsiteY4" fmla="*/ 2976286 h 4016129"/>
              <a:gd name="connsiteX5" fmla="*/ 3008677 w 3013364"/>
              <a:gd name="connsiteY5" fmla="*/ 3010798 h 4016129"/>
              <a:gd name="connsiteX6" fmla="*/ 2994931 w 3013364"/>
              <a:gd name="connsiteY6" fmla="*/ 3042808 h 4016129"/>
              <a:gd name="connsiteX7" fmla="*/ 2448382 w 3013364"/>
              <a:gd name="connsiteY7" fmla="*/ 3953370 h 4016129"/>
              <a:gd name="connsiteX8" fmla="*/ 2401209 w 3013364"/>
              <a:gd name="connsiteY8" fmla="*/ 3999357 h 4016129"/>
              <a:gd name="connsiteX9" fmla="*/ 2337476 w 3013364"/>
              <a:gd name="connsiteY9" fmla="*/ 4016129 h 4016129"/>
              <a:gd name="connsiteX10" fmla="*/ 129339 w 3013364"/>
              <a:gd name="connsiteY10" fmla="*/ 4016129 h 4016129"/>
              <a:gd name="connsiteX11" fmla="*/ 79002 w 3013364"/>
              <a:gd name="connsiteY11" fmla="*/ 4005969 h 4016129"/>
              <a:gd name="connsiteX12" fmla="*/ 0 w 3013364"/>
              <a:gd name="connsiteY12" fmla="*/ 3886840 h 4016129"/>
              <a:gd name="connsiteX13" fmla="*/ 0 w 3013364"/>
              <a:gd name="connsiteY13" fmla="*/ 129290 h 4016129"/>
              <a:gd name="connsiteX14" fmla="*/ 129344 w 3013364"/>
              <a:gd name="connsiteY14" fmla="*/ 0 h 4016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013364" h="4016129">
                <a:moveTo>
                  <a:pt x="129344" y="0"/>
                </a:moveTo>
                <a:lnTo>
                  <a:pt x="2884021" y="0"/>
                </a:lnTo>
                <a:cubicBezTo>
                  <a:pt x="2937590" y="0"/>
                  <a:pt x="2983561" y="32566"/>
                  <a:pt x="3003199" y="78969"/>
                </a:cubicBezTo>
                <a:lnTo>
                  <a:pt x="3013364" y="129285"/>
                </a:lnTo>
                <a:lnTo>
                  <a:pt x="3013364" y="2976286"/>
                </a:lnTo>
                <a:lnTo>
                  <a:pt x="3008677" y="3010798"/>
                </a:lnTo>
                <a:cubicBezTo>
                  <a:pt x="3005578" y="3021988"/>
                  <a:pt x="3000969" y="3032759"/>
                  <a:pt x="2994931" y="3042808"/>
                </a:cubicBezTo>
                <a:lnTo>
                  <a:pt x="2448382" y="3953370"/>
                </a:lnTo>
                <a:cubicBezTo>
                  <a:pt x="2436701" y="3972846"/>
                  <a:pt x="2420335" y="3988536"/>
                  <a:pt x="2401209" y="3999357"/>
                </a:cubicBezTo>
                <a:lnTo>
                  <a:pt x="2337476" y="4016129"/>
                </a:lnTo>
                <a:lnTo>
                  <a:pt x="129339" y="4016129"/>
                </a:lnTo>
                <a:lnTo>
                  <a:pt x="79002" y="4005969"/>
                </a:lnTo>
                <a:cubicBezTo>
                  <a:pt x="32580" y="3986339"/>
                  <a:pt x="0" y="3940386"/>
                  <a:pt x="0" y="3886840"/>
                </a:cubicBezTo>
                <a:lnTo>
                  <a:pt x="0" y="129290"/>
                </a:lnTo>
                <a:cubicBezTo>
                  <a:pt x="0" y="57895"/>
                  <a:pt x="57919" y="0"/>
                  <a:pt x="129344" y="0"/>
                </a:cubicBezTo>
                <a:close/>
              </a:path>
            </a:pathLst>
          </a:custGeom>
          <a:noFill/>
        </p:spPr>
        <p:txBody>
          <a:bodyPr wrap="square" anchor="ctr">
            <a:noAutofit/>
          </a:bodyPr>
          <a:lstStyle>
            <a:lvl1pPr marL="0" indent="0" algn="ctr">
              <a:buFontTx/>
              <a:buNone/>
              <a:defRPr sz="1600">
                <a:solidFill>
                  <a:schemeClr val="tx1"/>
                </a:solidFill>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9" name="Plassholder for bilde 8">
            <a:extLst>
              <a:ext uri="{FF2B5EF4-FFF2-40B4-BE49-F238E27FC236}">
                <a16:creationId xmlns:a16="http://schemas.microsoft.com/office/drawing/2014/main" id="{6E8707E7-381C-88D3-859E-F88B4AFFC347}"/>
              </a:ext>
            </a:extLst>
          </p:cNvPr>
          <p:cNvSpPr>
            <a:spLocks noGrp="1"/>
          </p:cNvSpPr>
          <p:nvPr>
            <p:ph type="pic" sz="quarter" idx="26" hasCustomPrompt="1"/>
          </p:nvPr>
        </p:nvSpPr>
        <p:spPr>
          <a:xfrm>
            <a:off x="5114999" y="2915822"/>
            <a:ext cx="1962190" cy="2615151"/>
          </a:xfrm>
          <a:custGeom>
            <a:avLst/>
            <a:gdLst>
              <a:gd name="connsiteX0" fmla="*/ 129325 w 3012910"/>
              <a:gd name="connsiteY0" fmla="*/ 0 h 4015521"/>
              <a:gd name="connsiteX1" fmla="*/ 2883585 w 3012910"/>
              <a:gd name="connsiteY1" fmla="*/ 0 h 4015521"/>
              <a:gd name="connsiteX2" fmla="*/ 3012910 w 3012910"/>
              <a:gd name="connsiteY2" fmla="*/ 129270 h 4015521"/>
              <a:gd name="connsiteX3" fmla="*/ 3012910 w 3012910"/>
              <a:gd name="connsiteY3" fmla="*/ 3886251 h 4015521"/>
              <a:gd name="connsiteX4" fmla="*/ 2883585 w 3012910"/>
              <a:gd name="connsiteY4" fmla="*/ 4015521 h 4015521"/>
              <a:gd name="connsiteX5" fmla="*/ 129325 w 3012910"/>
              <a:gd name="connsiteY5" fmla="*/ 4015521 h 4015521"/>
              <a:gd name="connsiteX6" fmla="*/ 0 w 3012910"/>
              <a:gd name="connsiteY6" fmla="*/ 3886251 h 4015521"/>
              <a:gd name="connsiteX7" fmla="*/ 0 w 3012910"/>
              <a:gd name="connsiteY7" fmla="*/ 129270 h 4015521"/>
              <a:gd name="connsiteX8" fmla="*/ 129325 w 3012910"/>
              <a:gd name="connsiteY8" fmla="*/ 0 h 40155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012910" h="4015521">
                <a:moveTo>
                  <a:pt x="129325" y="0"/>
                </a:moveTo>
                <a:lnTo>
                  <a:pt x="2883585" y="0"/>
                </a:lnTo>
                <a:cubicBezTo>
                  <a:pt x="2955009" y="0"/>
                  <a:pt x="3012910" y="57876"/>
                  <a:pt x="3012910" y="129270"/>
                </a:cubicBezTo>
                <a:lnTo>
                  <a:pt x="3012910" y="3886251"/>
                </a:lnTo>
                <a:cubicBezTo>
                  <a:pt x="3012910" y="3957645"/>
                  <a:pt x="2955009" y="4015521"/>
                  <a:pt x="2883585" y="4015521"/>
                </a:cubicBezTo>
                <a:lnTo>
                  <a:pt x="129325" y="4015521"/>
                </a:lnTo>
                <a:cubicBezTo>
                  <a:pt x="57901" y="4015521"/>
                  <a:pt x="0" y="3957645"/>
                  <a:pt x="0" y="3886251"/>
                </a:cubicBezTo>
                <a:lnTo>
                  <a:pt x="0" y="129270"/>
                </a:lnTo>
                <a:cubicBezTo>
                  <a:pt x="0" y="57876"/>
                  <a:pt x="57901" y="0"/>
                  <a:pt x="129325" y="0"/>
                </a:cubicBezTo>
                <a:close/>
              </a:path>
            </a:pathLst>
          </a:custGeom>
          <a:noFill/>
        </p:spPr>
        <p:txBody>
          <a:bodyPr wrap="square" anchor="ctr">
            <a:noAutofit/>
          </a:bodyPr>
          <a:lstStyle>
            <a:lvl1pPr marL="0" indent="0" algn="ctr">
              <a:buNone/>
              <a:defRPr sz="1600">
                <a:solidFill>
                  <a:schemeClr val="tx1"/>
                </a:solidFill>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11" name="Plassholder for bilde 10">
            <a:extLst>
              <a:ext uri="{FF2B5EF4-FFF2-40B4-BE49-F238E27FC236}">
                <a16:creationId xmlns:a16="http://schemas.microsoft.com/office/drawing/2014/main" id="{EF4B6C40-4474-E48D-2DDB-B55CC37CD55E}"/>
              </a:ext>
            </a:extLst>
          </p:cNvPr>
          <p:cNvSpPr>
            <a:spLocks noGrp="1"/>
          </p:cNvSpPr>
          <p:nvPr>
            <p:ph type="pic" sz="quarter" idx="32" hasCustomPrompt="1"/>
          </p:nvPr>
        </p:nvSpPr>
        <p:spPr>
          <a:xfrm>
            <a:off x="7252949" y="2915867"/>
            <a:ext cx="1962000" cy="2614832"/>
          </a:xfrm>
          <a:custGeom>
            <a:avLst/>
            <a:gdLst>
              <a:gd name="connsiteX0" fmla="*/ 557934 w 2487309"/>
              <a:gd name="connsiteY0" fmla="*/ 0 h 3314932"/>
              <a:gd name="connsiteX1" fmla="*/ 2380693 w 2487309"/>
              <a:gd name="connsiteY1" fmla="*/ 0 h 3314932"/>
              <a:gd name="connsiteX2" fmla="*/ 2479072 w 2487309"/>
              <a:gd name="connsiteY2" fmla="*/ 65187 h 3314932"/>
              <a:gd name="connsiteX3" fmla="*/ 2487309 w 2487309"/>
              <a:gd name="connsiteY3" fmla="*/ 105959 h 3314932"/>
              <a:gd name="connsiteX4" fmla="*/ 2487309 w 2487309"/>
              <a:gd name="connsiteY4" fmla="*/ 800379 h 3314932"/>
              <a:gd name="connsiteX5" fmla="*/ 2483594 w 2487309"/>
              <a:gd name="connsiteY5" fmla="*/ 827733 h 3314932"/>
              <a:gd name="connsiteX6" fmla="*/ 2472247 w 2487309"/>
              <a:gd name="connsiteY6" fmla="*/ 854157 h 3314932"/>
              <a:gd name="connsiteX7" fmla="*/ 2086999 w 2487309"/>
              <a:gd name="connsiteY7" fmla="*/ 1495992 h 3314932"/>
              <a:gd name="connsiteX8" fmla="*/ 2178552 w 2487309"/>
              <a:gd name="connsiteY8" fmla="*/ 1657636 h 3314932"/>
              <a:gd name="connsiteX9" fmla="*/ 2380693 w 2487309"/>
              <a:gd name="connsiteY9" fmla="*/ 1657636 h 3314932"/>
              <a:gd name="connsiteX10" fmla="*/ 2479072 w 2487309"/>
              <a:gd name="connsiteY10" fmla="*/ 1722823 h 3314932"/>
              <a:gd name="connsiteX11" fmla="*/ 2487309 w 2487309"/>
              <a:gd name="connsiteY11" fmla="*/ 1763595 h 3314932"/>
              <a:gd name="connsiteX12" fmla="*/ 2487309 w 2487309"/>
              <a:gd name="connsiteY12" fmla="*/ 2458015 h 3314932"/>
              <a:gd name="connsiteX13" fmla="*/ 2483594 w 2487309"/>
              <a:gd name="connsiteY13" fmla="*/ 2485369 h 3314932"/>
              <a:gd name="connsiteX14" fmla="*/ 2472247 w 2487309"/>
              <a:gd name="connsiteY14" fmla="*/ 2511793 h 3314932"/>
              <a:gd name="connsiteX15" fmla="*/ 2021083 w 2487309"/>
              <a:gd name="connsiteY15" fmla="*/ 3263441 h 3314932"/>
              <a:gd name="connsiteX16" fmla="*/ 1982143 w 2487309"/>
              <a:gd name="connsiteY16" fmla="*/ 3301402 h 3314932"/>
              <a:gd name="connsiteX17" fmla="*/ 1930726 w 2487309"/>
              <a:gd name="connsiteY17" fmla="*/ 3314932 h 3314932"/>
              <a:gd name="connsiteX18" fmla="*/ 105334 w 2487309"/>
              <a:gd name="connsiteY18" fmla="*/ 3314932 h 3314932"/>
              <a:gd name="connsiteX19" fmla="*/ 65214 w 2487309"/>
              <a:gd name="connsiteY19" fmla="*/ 3306834 h 3314932"/>
              <a:gd name="connsiteX20" fmla="*/ 0 w 2487309"/>
              <a:gd name="connsiteY20" fmla="*/ 3208497 h 3314932"/>
              <a:gd name="connsiteX21" fmla="*/ 0 w 2487309"/>
              <a:gd name="connsiteY21" fmla="*/ 858373 h 3314932"/>
              <a:gd name="connsiteX22" fmla="*/ 15217 w 2487309"/>
              <a:gd name="connsiteY22" fmla="*/ 803454 h 3314932"/>
              <a:gd name="connsiteX23" fmla="*/ 466381 w 2487309"/>
              <a:gd name="connsiteY23" fmla="*/ 51807 h 3314932"/>
              <a:gd name="connsiteX24" fmla="*/ 557934 w 2487309"/>
              <a:gd name="connsiteY24" fmla="*/ 0 h 3314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487309" h="3314932">
                <a:moveTo>
                  <a:pt x="557934" y="0"/>
                </a:moveTo>
                <a:lnTo>
                  <a:pt x="2380693" y="0"/>
                </a:lnTo>
                <a:cubicBezTo>
                  <a:pt x="2424913" y="0"/>
                  <a:pt x="2462862" y="26883"/>
                  <a:pt x="2479072" y="65187"/>
                </a:cubicBezTo>
                <a:lnTo>
                  <a:pt x="2487309" y="105959"/>
                </a:lnTo>
                <a:lnTo>
                  <a:pt x="2487309" y="800379"/>
                </a:lnTo>
                <a:lnTo>
                  <a:pt x="2483594" y="827733"/>
                </a:lnTo>
                <a:cubicBezTo>
                  <a:pt x="2481036" y="836969"/>
                  <a:pt x="2477231" y="845861"/>
                  <a:pt x="2472247" y="854157"/>
                </a:cubicBezTo>
                <a:lnTo>
                  <a:pt x="2086999" y="1495992"/>
                </a:lnTo>
                <a:cubicBezTo>
                  <a:pt x="2044310" y="1567125"/>
                  <a:pt x="2095561" y="1657636"/>
                  <a:pt x="2178552" y="1657636"/>
                </a:cubicBezTo>
                <a:lnTo>
                  <a:pt x="2380693" y="1657636"/>
                </a:lnTo>
                <a:cubicBezTo>
                  <a:pt x="2424913" y="1657636"/>
                  <a:pt x="2462862" y="1684519"/>
                  <a:pt x="2479072" y="1722823"/>
                </a:cubicBezTo>
                <a:lnTo>
                  <a:pt x="2487309" y="1763595"/>
                </a:lnTo>
                <a:lnTo>
                  <a:pt x="2487309" y="2458015"/>
                </a:lnTo>
                <a:lnTo>
                  <a:pt x="2483594" y="2485369"/>
                </a:lnTo>
                <a:cubicBezTo>
                  <a:pt x="2481036" y="2494606"/>
                  <a:pt x="2477231" y="2503498"/>
                  <a:pt x="2472247" y="2511793"/>
                </a:cubicBezTo>
                <a:lnTo>
                  <a:pt x="2021083" y="3263441"/>
                </a:lnTo>
                <a:cubicBezTo>
                  <a:pt x="2011441" y="3279518"/>
                  <a:pt x="1997931" y="3292469"/>
                  <a:pt x="1982143" y="3301402"/>
                </a:cubicBezTo>
                <a:lnTo>
                  <a:pt x="1930726" y="3314932"/>
                </a:lnTo>
                <a:lnTo>
                  <a:pt x="105334" y="3314932"/>
                </a:lnTo>
                <a:lnTo>
                  <a:pt x="65214" y="3306834"/>
                </a:lnTo>
                <a:cubicBezTo>
                  <a:pt x="26894" y="3290631"/>
                  <a:pt x="0" y="3252698"/>
                  <a:pt x="0" y="3208497"/>
                </a:cubicBezTo>
                <a:lnTo>
                  <a:pt x="0" y="858373"/>
                </a:lnTo>
                <a:cubicBezTo>
                  <a:pt x="0" y="839021"/>
                  <a:pt x="5248" y="820046"/>
                  <a:pt x="15217" y="803454"/>
                </a:cubicBezTo>
                <a:lnTo>
                  <a:pt x="466381" y="51807"/>
                </a:lnTo>
                <a:cubicBezTo>
                  <a:pt x="485691" y="19678"/>
                  <a:pt x="520444" y="0"/>
                  <a:pt x="557934" y="0"/>
                </a:cubicBezTo>
                <a:close/>
              </a:path>
            </a:pathLst>
          </a:custGeom>
          <a:noFill/>
        </p:spPr>
        <p:txBody>
          <a:bodyPr wrap="square" anchor="ctr">
            <a:noAutofit/>
          </a:bodyPr>
          <a:lstStyle>
            <a:lvl1pPr marL="0" indent="0" algn="ctr">
              <a:buNone/>
              <a:defRPr sz="1600">
                <a:solidFill>
                  <a:schemeClr val="tx1"/>
                </a:solidFill>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19" name="Plassholder for bilde 18">
            <a:extLst>
              <a:ext uri="{FF2B5EF4-FFF2-40B4-BE49-F238E27FC236}">
                <a16:creationId xmlns:a16="http://schemas.microsoft.com/office/drawing/2014/main" id="{22582E08-583E-30E4-3286-AB3F4142FFB1}"/>
              </a:ext>
            </a:extLst>
          </p:cNvPr>
          <p:cNvSpPr>
            <a:spLocks noGrp="1"/>
          </p:cNvSpPr>
          <p:nvPr>
            <p:ph type="pic" sz="quarter" idx="33" hasCustomPrompt="1"/>
          </p:nvPr>
        </p:nvSpPr>
        <p:spPr>
          <a:xfrm>
            <a:off x="9392592" y="2916836"/>
            <a:ext cx="1961208" cy="2613863"/>
          </a:xfrm>
          <a:custGeom>
            <a:avLst/>
            <a:gdLst>
              <a:gd name="connsiteX0" fmla="*/ 439896 w 1961208"/>
              <a:gd name="connsiteY0" fmla="*/ 0 h 2613863"/>
              <a:gd name="connsiteX1" fmla="*/ 1877026 w 1961208"/>
              <a:gd name="connsiteY1" fmla="*/ 0 h 2613863"/>
              <a:gd name="connsiteX2" fmla="*/ 1961208 w 1961208"/>
              <a:gd name="connsiteY2" fmla="*/ 84146 h 2613863"/>
              <a:gd name="connsiteX3" fmla="*/ 1961208 w 1961208"/>
              <a:gd name="connsiteY3" fmla="*/ 1283609 h 2613863"/>
              <a:gd name="connsiteX4" fmla="*/ 1949210 w 1961208"/>
              <a:gd name="connsiteY4" fmla="*/ 1326909 h 2613863"/>
              <a:gd name="connsiteX5" fmla="*/ 1645467 w 1961208"/>
              <a:gd name="connsiteY5" fmla="*/ 1832956 h 2613863"/>
              <a:gd name="connsiteX6" fmla="*/ 1717651 w 1961208"/>
              <a:gd name="connsiteY6" fmla="*/ 1960402 h 2613863"/>
              <a:gd name="connsiteX7" fmla="*/ 1812524 w 1961208"/>
              <a:gd name="connsiteY7" fmla="*/ 1960402 h 2613863"/>
              <a:gd name="connsiteX8" fmla="*/ 1884708 w 1961208"/>
              <a:gd name="connsiteY8" fmla="*/ 2087849 h 2613863"/>
              <a:gd name="connsiteX9" fmla="*/ 1593477 w 1961208"/>
              <a:gd name="connsiteY9" fmla="*/ 2573017 h 2613863"/>
              <a:gd name="connsiteX10" fmla="*/ 1521293 w 1961208"/>
              <a:gd name="connsiteY10" fmla="*/ 2613863 h 2613863"/>
              <a:gd name="connsiteX11" fmla="*/ 84182 w 1961208"/>
              <a:gd name="connsiteY11" fmla="*/ 2613863 h 2613863"/>
              <a:gd name="connsiteX12" fmla="*/ 0 w 1961208"/>
              <a:gd name="connsiteY12" fmla="*/ 2529717 h 2613863"/>
              <a:gd name="connsiteX13" fmla="*/ 0 w 1961208"/>
              <a:gd name="connsiteY13" fmla="*/ 676773 h 2613863"/>
              <a:gd name="connsiteX14" fmla="*/ 11998 w 1961208"/>
              <a:gd name="connsiteY14" fmla="*/ 633473 h 2613863"/>
              <a:gd name="connsiteX15" fmla="*/ 367712 w 1961208"/>
              <a:gd name="connsiteY15" fmla="*/ 40846 h 2613863"/>
              <a:gd name="connsiteX16" fmla="*/ 439896 w 1961208"/>
              <a:gd name="connsiteY16" fmla="*/ 0 h 26138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961208" h="2613863">
                <a:moveTo>
                  <a:pt x="439896" y="0"/>
                </a:moveTo>
                <a:lnTo>
                  <a:pt x="1877026" y="0"/>
                </a:lnTo>
                <a:cubicBezTo>
                  <a:pt x="1923512" y="0"/>
                  <a:pt x="1961208" y="37680"/>
                  <a:pt x="1961208" y="84146"/>
                </a:cubicBezTo>
                <a:lnTo>
                  <a:pt x="1961208" y="1283609"/>
                </a:lnTo>
                <a:cubicBezTo>
                  <a:pt x="1961208" y="1298867"/>
                  <a:pt x="1957070" y="1313828"/>
                  <a:pt x="1949210" y="1326909"/>
                </a:cubicBezTo>
                <a:lnTo>
                  <a:pt x="1645467" y="1832956"/>
                </a:lnTo>
                <a:cubicBezTo>
                  <a:pt x="1611810" y="1889040"/>
                  <a:pt x="1652218" y="1960402"/>
                  <a:pt x="1717651" y="1960402"/>
                </a:cubicBezTo>
                <a:lnTo>
                  <a:pt x="1812524" y="1960402"/>
                </a:lnTo>
                <a:cubicBezTo>
                  <a:pt x="1877957" y="1960402"/>
                  <a:pt x="1918365" y="2031765"/>
                  <a:pt x="1884708" y="2087849"/>
                </a:cubicBezTo>
                <a:lnTo>
                  <a:pt x="1593477" y="2573017"/>
                </a:lnTo>
                <a:cubicBezTo>
                  <a:pt x="1578272" y="2598368"/>
                  <a:pt x="1550871" y="2613863"/>
                  <a:pt x="1521293" y="2613863"/>
                </a:cubicBezTo>
                <a:lnTo>
                  <a:pt x="84182" y="2613863"/>
                </a:lnTo>
                <a:cubicBezTo>
                  <a:pt x="37696" y="2613863"/>
                  <a:pt x="0" y="2576183"/>
                  <a:pt x="0" y="2529717"/>
                </a:cubicBezTo>
                <a:lnTo>
                  <a:pt x="0" y="676773"/>
                </a:lnTo>
                <a:cubicBezTo>
                  <a:pt x="0" y="661515"/>
                  <a:pt x="4138" y="646554"/>
                  <a:pt x="11998" y="633473"/>
                </a:cubicBezTo>
                <a:lnTo>
                  <a:pt x="367712" y="40846"/>
                </a:lnTo>
                <a:cubicBezTo>
                  <a:pt x="382936" y="15515"/>
                  <a:pt x="410337" y="0"/>
                  <a:pt x="439896" y="0"/>
                </a:cubicBezTo>
                <a:close/>
              </a:path>
            </a:pathLst>
          </a:custGeom>
          <a:noFill/>
        </p:spPr>
        <p:txBody>
          <a:bodyPr wrap="square" anchor="ctr">
            <a:noAutofit/>
          </a:bodyPr>
          <a:lstStyle>
            <a:lvl1pPr marL="0" indent="0" algn="ctr">
              <a:buNone/>
              <a:defRPr sz="1600">
                <a:solidFill>
                  <a:schemeClr val="tx1"/>
                </a:solidFill>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pic>
        <p:nvPicPr>
          <p:cNvPr id="4" name="Bilde 2">
            <a:extLst>
              <a:ext uri="{FF2B5EF4-FFF2-40B4-BE49-F238E27FC236}">
                <a16:creationId xmlns:a16="http://schemas.microsoft.com/office/drawing/2014/main" id="{133AD67E-5DF4-5A25-BBF9-44AB33B43823}"/>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909430896"/>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5 Bilder (v2)">
    <p:spTree>
      <p:nvGrpSpPr>
        <p:cNvPr id="1" name=""/>
        <p:cNvGrpSpPr/>
        <p:nvPr/>
      </p:nvGrpSpPr>
      <p:grpSpPr>
        <a:xfrm>
          <a:off x="0" y="0"/>
          <a:ext cx="0" cy="0"/>
          <a:chOff x="0" y="0"/>
          <a:chExt cx="0" cy="0"/>
        </a:xfrm>
      </p:grpSpPr>
      <p:sp>
        <p:nvSpPr>
          <p:cNvPr id="3" name="Plassholder for tekst 2">
            <a:extLst>
              <a:ext uri="{FF2B5EF4-FFF2-40B4-BE49-F238E27FC236}">
                <a16:creationId xmlns:a16="http://schemas.microsoft.com/office/drawing/2014/main" id="{86E2B3C6-9D86-9A92-BE07-9365AEC0262F}"/>
              </a:ext>
            </a:extLst>
          </p:cNvPr>
          <p:cNvSpPr>
            <a:spLocks noGrp="1"/>
          </p:cNvSpPr>
          <p:nvPr>
            <p:ph type="body" idx="1" hasCustomPrompt="1"/>
          </p:nvPr>
        </p:nvSpPr>
        <p:spPr>
          <a:xfrm>
            <a:off x="839789" y="1440000"/>
            <a:ext cx="3014582"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5" name="Plassholder for bilde 7">
            <a:extLst>
              <a:ext uri="{FF2B5EF4-FFF2-40B4-BE49-F238E27FC236}">
                <a16:creationId xmlns:a16="http://schemas.microsoft.com/office/drawing/2014/main" id="{F9D0DD48-D3B5-E6B7-A0AD-3711AFFC6E20}"/>
              </a:ext>
            </a:extLst>
          </p:cNvPr>
          <p:cNvSpPr>
            <a:spLocks noGrp="1"/>
          </p:cNvSpPr>
          <p:nvPr>
            <p:ph type="pic" sz="quarter" idx="18" hasCustomPrompt="1"/>
          </p:nvPr>
        </p:nvSpPr>
        <p:spPr>
          <a:xfrm>
            <a:off x="838200"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7" name="Plassholder for tekst 2">
            <a:extLst>
              <a:ext uri="{FF2B5EF4-FFF2-40B4-BE49-F238E27FC236}">
                <a16:creationId xmlns:a16="http://schemas.microsoft.com/office/drawing/2014/main" id="{579B4212-6066-1936-99A9-F11830993D55}"/>
              </a:ext>
            </a:extLst>
          </p:cNvPr>
          <p:cNvSpPr>
            <a:spLocks noGrp="1"/>
          </p:cNvSpPr>
          <p:nvPr>
            <p:ph type="body" idx="19" hasCustomPrompt="1"/>
          </p:nvPr>
        </p:nvSpPr>
        <p:spPr>
          <a:xfrm>
            <a:off x="4584795" y="1440000"/>
            <a:ext cx="3014582"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9" name="Plassholder for bilde 7">
            <a:extLst>
              <a:ext uri="{FF2B5EF4-FFF2-40B4-BE49-F238E27FC236}">
                <a16:creationId xmlns:a16="http://schemas.microsoft.com/office/drawing/2014/main" id="{9FF8982C-B885-8393-46D0-D8BEC14E2DEF}"/>
              </a:ext>
            </a:extLst>
          </p:cNvPr>
          <p:cNvSpPr>
            <a:spLocks noGrp="1"/>
          </p:cNvSpPr>
          <p:nvPr>
            <p:ph type="pic" sz="quarter" idx="20" hasCustomPrompt="1"/>
          </p:nvPr>
        </p:nvSpPr>
        <p:spPr>
          <a:xfrm>
            <a:off x="4583206"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15" name="Plassholder for tekst 2">
            <a:extLst>
              <a:ext uri="{FF2B5EF4-FFF2-40B4-BE49-F238E27FC236}">
                <a16:creationId xmlns:a16="http://schemas.microsoft.com/office/drawing/2014/main" id="{3DAF464D-5150-2CD2-B287-E5DE65E0CEB1}"/>
              </a:ext>
            </a:extLst>
          </p:cNvPr>
          <p:cNvSpPr>
            <a:spLocks noGrp="1"/>
          </p:cNvSpPr>
          <p:nvPr>
            <p:ph type="body" idx="21" hasCustomPrompt="1"/>
          </p:nvPr>
        </p:nvSpPr>
        <p:spPr>
          <a:xfrm>
            <a:off x="8336524" y="1440000"/>
            <a:ext cx="3014582"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6" name="Plassholder for bilde 7">
            <a:extLst>
              <a:ext uri="{FF2B5EF4-FFF2-40B4-BE49-F238E27FC236}">
                <a16:creationId xmlns:a16="http://schemas.microsoft.com/office/drawing/2014/main" id="{C4CB5FB2-868E-866B-B7FA-1A4A8EBBDBFC}"/>
              </a:ext>
            </a:extLst>
          </p:cNvPr>
          <p:cNvSpPr>
            <a:spLocks noGrp="1"/>
          </p:cNvSpPr>
          <p:nvPr>
            <p:ph type="pic" sz="quarter" idx="22" hasCustomPrompt="1"/>
          </p:nvPr>
        </p:nvSpPr>
        <p:spPr>
          <a:xfrm>
            <a:off x="8334935"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21" name="Tittel 1">
            <a:extLst>
              <a:ext uri="{FF2B5EF4-FFF2-40B4-BE49-F238E27FC236}">
                <a16:creationId xmlns:a16="http://schemas.microsoft.com/office/drawing/2014/main" id="{0321C738-ECD7-CCB3-D765-A186C5369493}"/>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sp>
        <p:nvSpPr>
          <p:cNvPr id="13" name="Plassholder for tekst 2">
            <a:extLst>
              <a:ext uri="{FF2B5EF4-FFF2-40B4-BE49-F238E27FC236}">
                <a16:creationId xmlns:a16="http://schemas.microsoft.com/office/drawing/2014/main" id="{E357181C-3944-182F-334F-B3748AE335AE}"/>
              </a:ext>
            </a:extLst>
          </p:cNvPr>
          <p:cNvSpPr>
            <a:spLocks noGrp="1"/>
          </p:cNvSpPr>
          <p:nvPr>
            <p:ph type="body" idx="23" hasCustomPrompt="1"/>
          </p:nvPr>
        </p:nvSpPr>
        <p:spPr>
          <a:xfrm>
            <a:off x="2693944" y="3838556"/>
            <a:ext cx="3014582"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7" name="Plassholder for bilde 7">
            <a:extLst>
              <a:ext uri="{FF2B5EF4-FFF2-40B4-BE49-F238E27FC236}">
                <a16:creationId xmlns:a16="http://schemas.microsoft.com/office/drawing/2014/main" id="{F000B82B-10B3-4534-A66C-BF9ACBAD7F6C}"/>
              </a:ext>
            </a:extLst>
          </p:cNvPr>
          <p:cNvSpPr>
            <a:spLocks noGrp="1"/>
          </p:cNvSpPr>
          <p:nvPr>
            <p:ph type="pic" sz="quarter" idx="24" hasCustomPrompt="1"/>
          </p:nvPr>
        </p:nvSpPr>
        <p:spPr>
          <a:xfrm>
            <a:off x="2692355" y="4450556"/>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18" name="Plassholder for tekst 2">
            <a:extLst>
              <a:ext uri="{FF2B5EF4-FFF2-40B4-BE49-F238E27FC236}">
                <a16:creationId xmlns:a16="http://schemas.microsoft.com/office/drawing/2014/main" id="{9655EA49-F11E-DD9D-6503-1DE6413A690F}"/>
              </a:ext>
            </a:extLst>
          </p:cNvPr>
          <p:cNvSpPr>
            <a:spLocks noGrp="1"/>
          </p:cNvSpPr>
          <p:nvPr>
            <p:ph type="body" idx="25" hasCustomPrompt="1"/>
          </p:nvPr>
        </p:nvSpPr>
        <p:spPr>
          <a:xfrm>
            <a:off x="6438950" y="3838556"/>
            <a:ext cx="3014582"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9" name="Plassholder for bilde 7">
            <a:extLst>
              <a:ext uri="{FF2B5EF4-FFF2-40B4-BE49-F238E27FC236}">
                <a16:creationId xmlns:a16="http://schemas.microsoft.com/office/drawing/2014/main" id="{DC97E4C9-16DA-6949-F1AF-EF19A0AF2787}"/>
              </a:ext>
            </a:extLst>
          </p:cNvPr>
          <p:cNvSpPr>
            <a:spLocks noGrp="1"/>
          </p:cNvSpPr>
          <p:nvPr>
            <p:ph type="pic" sz="quarter" idx="26" hasCustomPrompt="1"/>
          </p:nvPr>
        </p:nvSpPr>
        <p:spPr>
          <a:xfrm>
            <a:off x="6437361" y="4450556"/>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pic>
        <p:nvPicPr>
          <p:cNvPr id="4" name="Bilde 2">
            <a:extLst>
              <a:ext uri="{FF2B5EF4-FFF2-40B4-BE49-F238E27FC236}">
                <a16:creationId xmlns:a16="http://schemas.microsoft.com/office/drawing/2014/main" id="{C083FD0A-3E7D-38A0-23F0-27F387BF8E70}"/>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4056786706"/>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5 Bilder (v3)">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5" name="Tittel 1">
            <a:extLst>
              <a:ext uri="{FF2B5EF4-FFF2-40B4-BE49-F238E27FC236}">
                <a16:creationId xmlns:a16="http://schemas.microsoft.com/office/drawing/2014/main" id="{CB046190-18F1-B510-732D-0343420A73A7}"/>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sp>
        <p:nvSpPr>
          <p:cNvPr id="12" name="Freeform: Shape 15">
            <a:extLst>
              <a:ext uri="{FF2B5EF4-FFF2-40B4-BE49-F238E27FC236}">
                <a16:creationId xmlns:a16="http://schemas.microsoft.com/office/drawing/2014/main" id="{F71C0C37-4DAA-0337-06B9-7E3FE2DDA48B}"/>
              </a:ext>
            </a:extLst>
          </p:cNvPr>
          <p:cNvSpPr/>
          <p:nvPr userDrawn="1"/>
        </p:nvSpPr>
        <p:spPr>
          <a:xfrm>
            <a:off x="2571327" y="5558400"/>
            <a:ext cx="219794" cy="331653"/>
          </a:xfrm>
          <a:custGeom>
            <a:avLst/>
            <a:gdLst>
              <a:gd name="connsiteX0" fmla="*/ 185273 w 209951"/>
              <a:gd name="connsiteY0" fmla="*/ 316802 h 316801"/>
              <a:gd name="connsiteX1" fmla="*/ 24555 w 209951"/>
              <a:gd name="connsiteY1" fmla="*/ 316802 h 316801"/>
              <a:gd name="connsiteX2" fmla="*/ 3610 w 209951"/>
              <a:gd name="connsiteY2" fmla="*/ 279681 h 316801"/>
              <a:gd name="connsiteX3" fmla="*/ 164328 w 209951"/>
              <a:gd name="connsiteY3" fmla="*/ 11955 h 316801"/>
              <a:gd name="connsiteX4" fmla="*/ 209951 w 209951"/>
              <a:gd name="connsiteY4" fmla="*/ 24605 h 316801"/>
              <a:gd name="connsiteX5" fmla="*/ 209951 w 209951"/>
              <a:gd name="connsiteY5" fmla="*/ 292331 h 316801"/>
              <a:gd name="connsiteX6" fmla="*/ 185481 w 209951"/>
              <a:gd name="connsiteY6" fmla="*/ 316802 h 316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9951" h="316801">
                <a:moveTo>
                  <a:pt x="185273" y="316802"/>
                </a:moveTo>
                <a:lnTo>
                  <a:pt x="24555" y="316802"/>
                </a:lnTo>
                <a:cubicBezTo>
                  <a:pt x="5476" y="316802"/>
                  <a:pt x="-6344" y="296064"/>
                  <a:pt x="3610" y="279681"/>
                </a:cubicBezTo>
                <a:lnTo>
                  <a:pt x="164328" y="11955"/>
                </a:lnTo>
                <a:cubicBezTo>
                  <a:pt x="177186" y="-9405"/>
                  <a:pt x="209951" y="-280"/>
                  <a:pt x="209951" y="24605"/>
                </a:cubicBezTo>
                <a:lnTo>
                  <a:pt x="209951" y="292331"/>
                </a:lnTo>
                <a:cubicBezTo>
                  <a:pt x="209951" y="305811"/>
                  <a:pt x="198960" y="316802"/>
                  <a:pt x="185481" y="316802"/>
                </a:cubicBezTo>
              </a:path>
            </a:pathLst>
          </a:custGeom>
          <a:solidFill>
            <a:srgbClr val="F48622"/>
          </a:solidFill>
          <a:ln w="0" cap="flat">
            <a:noFill/>
            <a:prstDash val="solid"/>
            <a:miter/>
          </a:ln>
        </p:spPr>
        <p:txBody>
          <a:bodyPr rtlCol="0" anchor="ctr"/>
          <a:lstStyle/>
          <a:p>
            <a:endParaRPr lang="nb-NO">
              <a:solidFill>
                <a:schemeClr val="tx1"/>
              </a:solidFill>
            </a:endParaRPr>
          </a:p>
        </p:txBody>
      </p:sp>
      <p:sp>
        <p:nvSpPr>
          <p:cNvPr id="17" name="Plassholder for bilde 16">
            <a:extLst>
              <a:ext uri="{FF2B5EF4-FFF2-40B4-BE49-F238E27FC236}">
                <a16:creationId xmlns:a16="http://schemas.microsoft.com/office/drawing/2014/main" id="{C7AC075C-21A1-3219-9746-F5D53FDFA8EC}"/>
              </a:ext>
            </a:extLst>
          </p:cNvPr>
          <p:cNvSpPr>
            <a:spLocks noGrp="1"/>
          </p:cNvSpPr>
          <p:nvPr>
            <p:ph type="pic" sz="quarter" idx="10" hasCustomPrompt="1"/>
          </p:nvPr>
        </p:nvSpPr>
        <p:spPr>
          <a:xfrm>
            <a:off x="829914" y="1440000"/>
            <a:ext cx="1961208" cy="4439600"/>
          </a:xfrm>
          <a:custGeom>
            <a:avLst/>
            <a:gdLst>
              <a:gd name="connsiteX0" fmla="*/ 84182 w 1961208"/>
              <a:gd name="connsiteY0" fmla="*/ 0 h 4439600"/>
              <a:gd name="connsiteX1" fmla="*/ 1877026 w 1961208"/>
              <a:gd name="connsiteY1" fmla="*/ 0 h 4439600"/>
              <a:gd name="connsiteX2" fmla="*/ 1961208 w 1961208"/>
              <a:gd name="connsiteY2" fmla="*/ 84185 h 4439600"/>
              <a:gd name="connsiteX3" fmla="*/ 1961208 w 1961208"/>
              <a:gd name="connsiteY3" fmla="*/ 3762515 h 4439600"/>
              <a:gd name="connsiteX4" fmla="*/ 1949210 w 1961208"/>
              <a:gd name="connsiteY4" fmla="*/ 3805835 h 4439600"/>
              <a:gd name="connsiteX5" fmla="*/ 1593496 w 1961208"/>
              <a:gd name="connsiteY5" fmla="*/ 4398734 h 4439600"/>
              <a:gd name="connsiteX6" fmla="*/ 1521312 w 1961208"/>
              <a:gd name="connsiteY6" fmla="*/ 4439600 h 4439600"/>
              <a:gd name="connsiteX7" fmla="*/ 84182 w 1961208"/>
              <a:gd name="connsiteY7" fmla="*/ 4439600 h 4439600"/>
              <a:gd name="connsiteX8" fmla="*/ 0 w 1961208"/>
              <a:gd name="connsiteY8" fmla="*/ 4355414 h 4439600"/>
              <a:gd name="connsiteX9" fmla="*/ 0 w 1961208"/>
              <a:gd name="connsiteY9" fmla="*/ 84185 h 4439600"/>
              <a:gd name="connsiteX10" fmla="*/ 84182 w 1961208"/>
              <a:gd name="connsiteY10" fmla="*/ 0 h 4439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61208" h="4439600">
                <a:moveTo>
                  <a:pt x="84182" y="0"/>
                </a:moveTo>
                <a:lnTo>
                  <a:pt x="1877026" y="0"/>
                </a:lnTo>
                <a:cubicBezTo>
                  <a:pt x="1923512" y="0"/>
                  <a:pt x="1961208" y="37697"/>
                  <a:pt x="1961208" y="84185"/>
                </a:cubicBezTo>
                <a:lnTo>
                  <a:pt x="1961208" y="3762515"/>
                </a:lnTo>
                <a:cubicBezTo>
                  <a:pt x="1961208" y="3777779"/>
                  <a:pt x="1957070" y="3792748"/>
                  <a:pt x="1949210" y="3805835"/>
                </a:cubicBezTo>
                <a:lnTo>
                  <a:pt x="1593496" y="4398734"/>
                </a:lnTo>
                <a:cubicBezTo>
                  <a:pt x="1578291" y="4424077"/>
                  <a:pt x="1550891" y="4439600"/>
                  <a:pt x="1521312" y="4439600"/>
                </a:cubicBezTo>
                <a:lnTo>
                  <a:pt x="84182" y="4439600"/>
                </a:lnTo>
                <a:cubicBezTo>
                  <a:pt x="37696" y="4439600"/>
                  <a:pt x="0" y="4401902"/>
                  <a:pt x="0" y="4355414"/>
                </a:cubicBezTo>
                <a:lnTo>
                  <a:pt x="0" y="84185"/>
                </a:lnTo>
                <a:cubicBezTo>
                  <a:pt x="0" y="37697"/>
                  <a:pt x="37696" y="0"/>
                  <a:pt x="84182"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20" name="Freeform: Shape 15">
            <a:extLst>
              <a:ext uri="{FF2B5EF4-FFF2-40B4-BE49-F238E27FC236}">
                <a16:creationId xmlns:a16="http://schemas.microsoft.com/office/drawing/2014/main" id="{BADBC17A-1F14-880E-D8B0-857A2203774E}"/>
              </a:ext>
            </a:extLst>
          </p:cNvPr>
          <p:cNvSpPr/>
          <p:nvPr userDrawn="1"/>
        </p:nvSpPr>
        <p:spPr>
          <a:xfrm>
            <a:off x="4711997" y="5558400"/>
            <a:ext cx="219794" cy="331653"/>
          </a:xfrm>
          <a:custGeom>
            <a:avLst/>
            <a:gdLst>
              <a:gd name="connsiteX0" fmla="*/ 185273 w 209951"/>
              <a:gd name="connsiteY0" fmla="*/ 316802 h 316801"/>
              <a:gd name="connsiteX1" fmla="*/ 24555 w 209951"/>
              <a:gd name="connsiteY1" fmla="*/ 316802 h 316801"/>
              <a:gd name="connsiteX2" fmla="*/ 3610 w 209951"/>
              <a:gd name="connsiteY2" fmla="*/ 279681 h 316801"/>
              <a:gd name="connsiteX3" fmla="*/ 164328 w 209951"/>
              <a:gd name="connsiteY3" fmla="*/ 11955 h 316801"/>
              <a:gd name="connsiteX4" fmla="*/ 209951 w 209951"/>
              <a:gd name="connsiteY4" fmla="*/ 24605 h 316801"/>
              <a:gd name="connsiteX5" fmla="*/ 209951 w 209951"/>
              <a:gd name="connsiteY5" fmla="*/ 292331 h 316801"/>
              <a:gd name="connsiteX6" fmla="*/ 185481 w 209951"/>
              <a:gd name="connsiteY6" fmla="*/ 316802 h 316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9951" h="316801">
                <a:moveTo>
                  <a:pt x="185273" y="316802"/>
                </a:moveTo>
                <a:lnTo>
                  <a:pt x="24555" y="316802"/>
                </a:lnTo>
                <a:cubicBezTo>
                  <a:pt x="5476" y="316802"/>
                  <a:pt x="-6344" y="296064"/>
                  <a:pt x="3610" y="279681"/>
                </a:cubicBezTo>
                <a:lnTo>
                  <a:pt x="164328" y="11955"/>
                </a:lnTo>
                <a:cubicBezTo>
                  <a:pt x="177186" y="-9405"/>
                  <a:pt x="209951" y="-280"/>
                  <a:pt x="209951" y="24605"/>
                </a:cubicBezTo>
                <a:lnTo>
                  <a:pt x="209951" y="292331"/>
                </a:lnTo>
                <a:cubicBezTo>
                  <a:pt x="209951" y="305811"/>
                  <a:pt x="198960" y="316802"/>
                  <a:pt x="185481" y="316802"/>
                </a:cubicBezTo>
              </a:path>
            </a:pathLst>
          </a:custGeom>
          <a:solidFill>
            <a:srgbClr val="F48622"/>
          </a:solidFill>
          <a:ln w="0" cap="flat">
            <a:noFill/>
            <a:prstDash val="solid"/>
            <a:miter/>
          </a:ln>
        </p:spPr>
        <p:txBody>
          <a:bodyPr rtlCol="0" anchor="ctr"/>
          <a:lstStyle/>
          <a:p>
            <a:endParaRPr lang="nb-NO">
              <a:solidFill>
                <a:schemeClr val="tx1"/>
              </a:solidFill>
            </a:endParaRPr>
          </a:p>
        </p:txBody>
      </p:sp>
      <p:sp>
        <p:nvSpPr>
          <p:cNvPr id="21" name="Plassholder for bilde 20">
            <a:extLst>
              <a:ext uri="{FF2B5EF4-FFF2-40B4-BE49-F238E27FC236}">
                <a16:creationId xmlns:a16="http://schemas.microsoft.com/office/drawing/2014/main" id="{3AF72F64-9105-6C76-720A-2BBA6DD00FEA}"/>
              </a:ext>
            </a:extLst>
          </p:cNvPr>
          <p:cNvSpPr>
            <a:spLocks noGrp="1"/>
          </p:cNvSpPr>
          <p:nvPr>
            <p:ph type="pic" sz="quarter" idx="11" hasCustomPrompt="1"/>
          </p:nvPr>
        </p:nvSpPr>
        <p:spPr>
          <a:xfrm>
            <a:off x="2970583" y="1440000"/>
            <a:ext cx="1961208" cy="4439600"/>
          </a:xfrm>
          <a:custGeom>
            <a:avLst/>
            <a:gdLst>
              <a:gd name="connsiteX0" fmla="*/ 84182 w 1961208"/>
              <a:gd name="connsiteY0" fmla="*/ 0 h 4439600"/>
              <a:gd name="connsiteX1" fmla="*/ 1877026 w 1961208"/>
              <a:gd name="connsiteY1" fmla="*/ 0 h 4439600"/>
              <a:gd name="connsiteX2" fmla="*/ 1961208 w 1961208"/>
              <a:gd name="connsiteY2" fmla="*/ 84185 h 4439600"/>
              <a:gd name="connsiteX3" fmla="*/ 1961208 w 1961208"/>
              <a:gd name="connsiteY3" fmla="*/ 3762515 h 4439600"/>
              <a:gd name="connsiteX4" fmla="*/ 1949210 w 1961208"/>
              <a:gd name="connsiteY4" fmla="*/ 3805835 h 4439600"/>
              <a:gd name="connsiteX5" fmla="*/ 1593496 w 1961208"/>
              <a:gd name="connsiteY5" fmla="*/ 4398734 h 4439600"/>
              <a:gd name="connsiteX6" fmla="*/ 1521312 w 1961208"/>
              <a:gd name="connsiteY6" fmla="*/ 4439600 h 4439600"/>
              <a:gd name="connsiteX7" fmla="*/ 84182 w 1961208"/>
              <a:gd name="connsiteY7" fmla="*/ 4439600 h 4439600"/>
              <a:gd name="connsiteX8" fmla="*/ 0 w 1961208"/>
              <a:gd name="connsiteY8" fmla="*/ 4355414 h 4439600"/>
              <a:gd name="connsiteX9" fmla="*/ 0 w 1961208"/>
              <a:gd name="connsiteY9" fmla="*/ 84185 h 4439600"/>
              <a:gd name="connsiteX10" fmla="*/ 84182 w 1961208"/>
              <a:gd name="connsiteY10" fmla="*/ 0 h 4439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61208" h="4439600">
                <a:moveTo>
                  <a:pt x="84182" y="0"/>
                </a:moveTo>
                <a:lnTo>
                  <a:pt x="1877026" y="0"/>
                </a:lnTo>
                <a:cubicBezTo>
                  <a:pt x="1923512" y="0"/>
                  <a:pt x="1961208" y="37697"/>
                  <a:pt x="1961208" y="84185"/>
                </a:cubicBezTo>
                <a:lnTo>
                  <a:pt x="1961208" y="3762515"/>
                </a:lnTo>
                <a:cubicBezTo>
                  <a:pt x="1961208" y="3777779"/>
                  <a:pt x="1957070" y="3792748"/>
                  <a:pt x="1949210" y="3805835"/>
                </a:cubicBezTo>
                <a:lnTo>
                  <a:pt x="1593496" y="4398734"/>
                </a:lnTo>
                <a:cubicBezTo>
                  <a:pt x="1578291" y="4424077"/>
                  <a:pt x="1550891" y="4439600"/>
                  <a:pt x="1521312" y="4439600"/>
                </a:cubicBezTo>
                <a:lnTo>
                  <a:pt x="84182" y="4439600"/>
                </a:lnTo>
                <a:cubicBezTo>
                  <a:pt x="37696" y="4439600"/>
                  <a:pt x="0" y="4401902"/>
                  <a:pt x="0" y="4355414"/>
                </a:cubicBezTo>
                <a:lnTo>
                  <a:pt x="0" y="84185"/>
                </a:lnTo>
                <a:cubicBezTo>
                  <a:pt x="0" y="37697"/>
                  <a:pt x="37696" y="0"/>
                  <a:pt x="84182"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22" name="Plassholder for bilde 21">
            <a:extLst>
              <a:ext uri="{FF2B5EF4-FFF2-40B4-BE49-F238E27FC236}">
                <a16:creationId xmlns:a16="http://schemas.microsoft.com/office/drawing/2014/main" id="{879B2134-F8A0-C008-4101-F219BB4D2007}"/>
              </a:ext>
            </a:extLst>
          </p:cNvPr>
          <p:cNvSpPr>
            <a:spLocks noGrp="1"/>
          </p:cNvSpPr>
          <p:nvPr>
            <p:ph type="pic" sz="quarter" idx="12" hasCustomPrompt="1"/>
          </p:nvPr>
        </p:nvSpPr>
        <p:spPr>
          <a:xfrm>
            <a:off x="5111253" y="1440000"/>
            <a:ext cx="1961208" cy="4439600"/>
          </a:xfrm>
          <a:custGeom>
            <a:avLst/>
            <a:gdLst>
              <a:gd name="connsiteX0" fmla="*/ 84182 w 1961208"/>
              <a:gd name="connsiteY0" fmla="*/ 0 h 4439600"/>
              <a:gd name="connsiteX1" fmla="*/ 1877026 w 1961208"/>
              <a:gd name="connsiteY1" fmla="*/ 0 h 4439600"/>
              <a:gd name="connsiteX2" fmla="*/ 1961208 w 1961208"/>
              <a:gd name="connsiteY2" fmla="*/ 84185 h 4439600"/>
              <a:gd name="connsiteX3" fmla="*/ 1961208 w 1961208"/>
              <a:gd name="connsiteY3" fmla="*/ 3762515 h 4439600"/>
              <a:gd name="connsiteX4" fmla="*/ 1949210 w 1961208"/>
              <a:gd name="connsiteY4" fmla="*/ 3805835 h 4439600"/>
              <a:gd name="connsiteX5" fmla="*/ 1593496 w 1961208"/>
              <a:gd name="connsiteY5" fmla="*/ 4398734 h 4439600"/>
              <a:gd name="connsiteX6" fmla="*/ 1521312 w 1961208"/>
              <a:gd name="connsiteY6" fmla="*/ 4439600 h 4439600"/>
              <a:gd name="connsiteX7" fmla="*/ 84182 w 1961208"/>
              <a:gd name="connsiteY7" fmla="*/ 4439600 h 4439600"/>
              <a:gd name="connsiteX8" fmla="*/ 0 w 1961208"/>
              <a:gd name="connsiteY8" fmla="*/ 4355414 h 4439600"/>
              <a:gd name="connsiteX9" fmla="*/ 0 w 1961208"/>
              <a:gd name="connsiteY9" fmla="*/ 84185 h 4439600"/>
              <a:gd name="connsiteX10" fmla="*/ 84182 w 1961208"/>
              <a:gd name="connsiteY10" fmla="*/ 0 h 4439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61208" h="4439600">
                <a:moveTo>
                  <a:pt x="84182" y="0"/>
                </a:moveTo>
                <a:lnTo>
                  <a:pt x="1877026" y="0"/>
                </a:lnTo>
                <a:cubicBezTo>
                  <a:pt x="1923512" y="0"/>
                  <a:pt x="1961208" y="37697"/>
                  <a:pt x="1961208" y="84185"/>
                </a:cubicBezTo>
                <a:lnTo>
                  <a:pt x="1961208" y="3762515"/>
                </a:lnTo>
                <a:cubicBezTo>
                  <a:pt x="1961208" y="3777779"/>
                  <a:pt x="1957070" y="3792748"/>
                  <a:pt x="1949210" y="3805835"/>
                </a:cubicBezTo>
                <a:lnTo>
                  <a:pt x="1593496" y="4398734"/>
                </a:lnTo>
                <a:cubicBezTo>
                  <a:pt x="1578291" y="4424077"/>
                  <a:pt x="1550891" y="4439600"/>
                  <a:pt x="1521312" y="4439600"/>
                </a:cubicBezTo>
                <a:lnTo>
                  <a:pt x="84182" y="4439600"/>
                </a:lnTo>
                <a:cubicBezTo>
                  <a:pt x="37696" y="4439600"/>
                  <a:pt x="0" y="4401902"/>
                  <a:pt x="0" y="4355414"/>
                </a:cubicBezTo>
                <a:lnTo>
                  <a:pt x="0" y="84185"/>
                </a:lnTo>
                <a:cubicBezTo>
                  <a:pt x="0" y="37697"/>
                  <a:pt x="37696" y="0"/>
                  <a:pt x="84182"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23" name="Plassholder for bilde 22">
            <a:extLst>
              <a:ext uri="{FF2B5EF4-FFF2-40B4-BE49-F238E27FC236}">
                <a16:creationId xmlns:a16="http://schemas.microsoft.com/office/drawing/2014/main" id="{64D1F799-0FE7-7C71-FCC8-825C2E3F1C67}"/>
              </a:ext>
            </a:extLst>
          </p:cNvPr>
          <p:cNvSpPr>
            <a:spLocks noGrp="1"/>
          </p:cNvSpPr>
          <p:nvPr>
            <p:ph type="pic" sz="quarter" idx="13" hasCustomPrompt="1"/>
          </p:nvPr>
        </p:nvSpPr>
        <p:spPr>
          <a:xfrm>
            <a:off x="7251923" y="1440000"/>
            <a:ext cx="1961208" cy="4439600"/>
          </a:xfrm>
          <a:custGeom>
            <a:avLst/>
            <a:gdLst>
              <a:gd name="connsiteX0" fmla="*/ 84182 w 1961208"/>
              <a:gd name="connsiteY0" fmla="*/ 0 h 4439600"/>
              <a:gd name="connsiteX1" fmla="*/ 1877026 w 1961208"/>
              <a:gd name="connsiteY1" fmla="*/ 0 h 4439600"/>
              <a:gd name="connsiteX2" fmla="*/ 1961208 w 1961208"/>
              <a:gd name="connsiteY2" fmla="*/ 84185 h 4439600"/>
              <a:gd name="connsiteX3" fmla="*/ 1961208 w 1961208"/>
              <a:gd name="connsiteY3" fmla="*/ 3762515 h 4439600"/>
              <a:gd name="connsiteX4" fmla="*/ 1949210 w 1961208"/>
              <a:gd name="connsiteY4" fmla="*/ 3805835 h 4439600"/>
              <a:gd name="connsiteX5" fmla="*/ 1593496 w 1961208"/>
              <a:gd name="connsiteY5" fmla="*/ 4398734 h 4439600"/>
              <a:gd name="connsiteX6" fmla="*/ 1521312 w 1961208"/>
              <a:gd name="connsiteY6" fmla="*/ 4439600 h 4439600"/>
              <a:gd name="connsiteX7" fmla="*/ 84182 w 1961208"/>
              <a:gd name="connsiteY7" fmla="*/ 4439600 h 4439600"/>
              <a:gd name="connsiteX8" fmla="*/ 0 w 1961208"/>
              <a:gd name="connsiteY8" fmla="*/ 4355414 h 4439600"/>
              <a:gd name="connsiteX9" fmla="*/ 0 w 1961208"/>
              <a:gd name="connsiteY9" fmla="*/ 84185 h 4439600"/>
              <a:gd name="connsiteX10" fmla="*/ 84182 w 1961208"/>
              <a:gd name="connsiteY10" fmla="*/ 0 h 4439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61208" h="4439600">
                <a:moveTo>
                  <a:pt x="84182" y="0"/>
                </a:moveTo>
                <a:lnTo>
                  <a:pt x="1877026" y="0"/>
                </a:lnTo>
                <a:cubicBezTo>
                  <a:pt x="1923512" y="0"/>
                  <a:pt x="1961208" y="37697"/>
                  <a:pt x="1961208" y="84185"/>
                </a:cubicBezTo>
                <a:lnTo>
                  <a:pt x="1961208" y="3762515"/>
                </a:lnTo>
                <a:cubicBezTo>
                  <a:pt x="1961208" y="3777779"/>
                  <a:pt x="1957070" y="3792748"/>
                  <a:pt x="1949210" y="3805835"/>
                </a:cubicBezTo>
                <a:lnTo>
                  <a:pt x="1593496" y="4398734"/>
                </a:lnTo>
                <a:cubicBezTo>
                  <a:pt x="1578291" y="4424077"/>
                  <a:pt x="1550891" y="4439600"/>
                  <a:pt x="1521312" y="4439600"/>
                </a:cubicBezTo>
                <a:lnTo>
                  <a:pt x="84182" y="4439600"/>
                </a:lnTo>
                <a:cubicBezTo>
                  <a:pt x="37696" y="4439600"/>
                  <a:pt x="0" y="4401902"/>
                  <a:pt x="0" y="4355414"/>
                </a:cubicBezTo>
                <a:lnTo>
                  <a:pt x="0" y="84185"/>
                </a:lnTo>
                <a:cubicBezTo>
                  <a:pt x="0" y="37697"/>
                  <a:pt x="37696" y="0"/>
                  <a:pt x="84182"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24" name="Plassholder for bilde 23">
            <a:extLst>
              <a:ext uri="{FF2B5EF4-FFF2-40B4-BE49-F238E27FC236}">
                <a16:creationId xmlns:a16="http://schemas.microsoft.com/office/drawing/2014/main" id="{DA7E8504-8CD8-E295-3DAF-D9746038B5E5}"/>
              </a:ext>
            </a:extLst>
          </p:cNvPr>
          <p:cNvSpPr>
            <a:spLocks noGrp="1"/>
          </p:cNvSpPr>
          <p:nvPr>
            <p:ph type="pic" sz="quarter" idx="14" hasCustomPrompt="1"/>
          </p:nvPr>
        </p:nvSpPr>
        <p:spPr>
          <a:xfrm>
            <a:off x="9392592" y="1440000"/>
            <a:ext cx="1961208" cy="4439600"/>
          </a:xfrm>
          <a:custGeom>
            <a:avLst/>
            <a:gdLst>
              <a:gd name="connsiteX0" fmla="*/ 84182 w 1961208"/>
              <a:gd name="connsiteY0" fmla="*/ 0 h 4439600"/>
              <a:gd name="connsiteX1" fmla="*/ 1877026 w 1961208"/>
              <a:gd name="connsiteY1" fmla="*/ 0 h 4439600"/>
              <a:gd name="connsiteX2" fmla="*/ 1961208 w 1961208"/>
              <a:gd name="connsiteY2" fmla="*/ 84185 h 4439600"/>
              <a:gd name="connsiteX3" fmla="*/ 1961208 w 1961208"/>
              <a:gd name="connsiteY3" fmla="*/ 3762515 h 4439600"/>
              <a:gd name="connsiteX4" fmla="*/ 1949210 w 1961208"/>
              <a:gd name="connsiteY4" fmla="*/ 3805835 h 4439600"/>
              <a:gd name="connsiteX5" fmla="*/ 1593496 w 1961208"/>
              <a:gd name="connsiteY5" fmla="*/ 4398734 h 4439600"/>
              <a:gd name="connsiteX6" fmla="*/ 1521312 w 1961208"/>
              <a:gd name="connsiteY6" fmla="*/ 4439600 h 4439600"/>
              <a:gd name="connsiteX7" fmla="*/ 84182 w 1961208"/>
              <a:gd name="connsiteY7" fmla="*/ 4439600 h 4439600"/>
              <a:gd name="connsiteX8" fmla="*/ 0 w 1961208"/>
              <a:gd name="connsiteY8" fmla="*/ 4355414 h 4439600"/>
              <a:gd name="connsiteX9" fmla="*/ 0 w 1961208"/>
              <a:gd name="connsiteY9" fmla="*/ 84185 h 4439600"/>
              <a:gd name="connsiteX10" fmla="*/ 84182 w 1961208"/>
              <a:gd name="connsiteY10" fmla="*/ 0 h 4439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61208" h="4439600">
                <a:moveTo>
                  <a:pt x="84182" y="0"/>
                </a:moveTo>
                <a:lnTo>
                  <a:pt x="1877026" y="0"/>
                </a:lnTo>
                <a:cubicBezTo>
                  <a:pt x="1923512" y="0"/>
                  <a:pt x="1961208" y="37697"/>
                  <a:pt x="1961208" y="84185"/>
                </a:cubicBezTo>
                <a:lnTo>
                  <a:pt x="1961208" y="3762515"/>
                </a:lnTo>
                <a:cubicBezTo>
                  <a:pt x="1961208" y="3777779"/>
                  <a:pt x="1957070" y="3792748"/>
                  <a:pt x="1949210" y="3805835"/>
                </a:cubicBezTo>
                <a:lnTo>
                  <a:pt x="1593496" y="4398734"/>
                </a:lnTo>
                <a:cubicBezTo>
                  <a:pt x="1578291" y="4424077"/>
                  <a:pt x="1550891" y="4439600"/>
                  <a:pt x="1521312" y="4439600"/>
                </a:cubicBezTo>
                <a:lnTo>
                  <a:pt x="84182" y="4439600"/>
                </a:lnTo>
                <a:cubicBezTo>
                  <a:pt x="37696" y="4439600"/>
                  <a:pt x="0" y="4401902"/>
                  <a:pt x="0" y="4355414"/>
                </a:cubicBezTo>
                <a:lnTo>
                  <a:pt x="0" y="84185"/>
                </a:lnTo>
                <a:cubicBezTo>
                  <a:pt x="0" y="37697"/>
                  <a:pt x="37696" y="0"/>
                  <a:pt x="84182" y="0"/>
                </a:cubicBezTo>
                <a:close/>
              </a:path>
            </a:pathLst>
          </a:custGeom>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25" name="Freeform: Shape 15">
            <a:extLst>
              <a:ext uri="{FF2B5EF4-FFF2-40B4-BE49-F238E27FC236}">
                <a16:creationId xmlns:a16="http://schemas.microsoft.com/office/drawing/2014/main" id="{B569C955-1CE2-4B87-601C-6CC97A9E66D8}"/>
              </a:ext>
            </a:extLst>
          </p:cNvPr>
          <p:cNvSpPr/>
          <p:nvPr userDrawn="1"/>
        </p:nvSpPr>
        <p:spPr>
          <a:xfrm>
            <a:off x="6853618" y="5558400"/>
            <a:ext cx="219794" cy="331653"/>
          </a:xfrm>
          <a:custGeom>
            <a:avLst/>
            <a:gdLst>
              <a:gd name="connsiteX0" fmla="*/ 185273 w 209951"/>
              <a:gd name="connsiteY0" fmla="*/ 316802 h 316801"/>
              <a:gd name="connsiteX1" fmla="*/ 24555 w 209951"/>
              <a:gd name="connsiteY1" fmla="*/ 316802 h 316801"/>
              <a:gd name="connsiteX2" fmla="*/ 3610 w 209951"/>
              <a:gd name="connsiteY2" fmla="*/ 279681 h 316801"/>
              <a:gd name="connsiteX3" fmla="*/ 164328 w 209951"/>
              <a:gd name="connsiteY3" fmla="*/ 11955 h 316801"/>
              <a:gd name="connsiteX4" fmla="*/ 209951 w 209951"/>
              <a:gd name="connsiteY4" fmla="*/ 24605 h 316801"/>
              <a:gd name="connsiteX5" fmla="*/ 209951 w 209951"/>
              <a:gd name="connsiteY5" fmla="*/ 292331 h 316801"/>
              <a:gd name="connsiteX6" fmla="*/ 185481 w 209951"/>
              <a:gd name="connsiteY6" fmla="*/ 316802 h 316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9951" h="316801">
                <a:moveTo>
                  <a:pt x="185273" y="316802"/>
                </a:moveTo>
                <a:lnTo>
                  <a:pt x="24555" y="316802"/>
                </a:lnTo>
                <a:cubicBezTo>
                  <a:pt x="5476" y="316802"/>
                  <a:pt x="-6344" y="296064"/>
                  <a:pt x="3610" y="279681"/>
                </a:cubicBezTo>
                <a:lnTo>
                  <a:pt x="164328" y="11955"/>
                </a:lnTo>
                <a:cubicBezTo>
                  <a:pt x="177186" y="-9405"/>
                  <a:pt x="209951" y="-280"/>
                  <a:pt x="209951" y="24605"/>
                </a:cubicBezTo>
                <a:lnTo>
                  <a:pt x="209951" y="292331"/>
                </a:lnTo>
                <a:cubicBezTo>
                  <a:pt x="209951" y="305811"/>
                  <a:pt x="198960" y="316802"/>
                  <a:pt x="185481" y="316802"/>
                </a:cubicBezTo>
              </a:path>
            </a:pathLst>
          </a:custGeom>
          <a:solidFill>
            <a:srgbClr val="F48622"/>
          </a:solidFill>
          <a:ln w="0" cap="flat">
            <a:noFill/>
            <a:prstDash val="solid"/>
            <a:miter/>
          </a:ln>
        </p:spPr>
        <p:txBody>
          <a:bodyPr rtlCol="0" anchor="ctr"/>
          <a:lstStyle/>
          <a:p>
            <a:endParaRPr lang="nb-NO">
              <a:solidFill>
                <a:schemeClr val="tx1"/>
              </a:solidFill>
            </a:endParaRPr>
          </a:p>
        </p:txBody>
      </p:sp>
      <p:sp>
        <p:nvSpPr>
          <p:cNvPr id="26" name="Freeform: Shape 15">
            <a:extLst>
              <a:ext uri="{FF2B5EF4-FFF2-40B4-BE49-F238E27FC236}">
                <a16:creationId xmlns:a16="http://schemas.microsoft.com/office/drawing/2014/main" id="{B54E544F-43D2-C5B5-BEAA-648D5E40B6A2}"/>
              </a:ext>
            </a:extLst>
          </p:cNvPr>
          <p:cNvSpPr/>
          <p:nvPr userDrawn="1"/>
        </p:nvSpPr>
        <p:spPr>
          <a:xfrm>
            <a:off x="8994288" y="5558400"/>
            <a:ext cx="219794" cy="331653"/>
          </a:xfrm>
          <a:custGeom>
            <a:avLst/>
            <a:gdLst>
              <a:gd name="connsiteX0" fmla="*/ 185273 w 209951"/>
              <a:gd name="connsiteY0" fmla="*/ 316802 h 316801"/>
              <a:gd name="connsiteX1" fmla="*/ 24555 w 209951"/>
              <a:gd name="connsiteY1" fmla="*/ 316802 h 316801"/>
              <a:gd name="connsiteX2" fmla="*/ 3610 w 209951"/>
              <a:gd name="connsiteY2" fmla="*/ 279681 h 316801"/>
              <a:gd name="connsiteX3" fmla="*/ 164328 w 209951"/>
              <a:gd name="connsiteY3" fmla="*/ 11955 h 316801"/>
              <a:gd name="connsiteX4" fmla="*/ 209951 w 209951"/>
              <a:gd name="connsiteY4" fmla="*/ 24605 h 316801"/>
              <a:gd name="connsiteX5" fmla="*/ 209951 w 209951"/>
              <a:gd name="connsiteY5" fmla="*/ 292331 h 316801"/>
              <a:gd name="connsiteX6" fmla="*/ 185481 w 209951"/>
              <a:gd name="connsiteY6" fmla="*/ 316802 h 316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9951" h="316801">
                <a:moveTo>
                  <a:pt x="185273" y="316802"/>
                </a:moveTo>
                <a:lnTo>
                  <a:pt x="24555" y="316802"/>
                </a:lnTo>
                <a:cubicBezTo>
                  <a:pt x="5476" y="316802"/>
                  <a:pt x="-6344" y="296064"/>
                  <a:pt x="3610" y="279681"/>
                </a:cubicBezTo>
                <a:lnTo>
                  <a:pt x="164328" y="11955"/>
                </a:lnTo>
                <a:cubicBezTo>
                  <a:pt x="177186" y="-9405"/>
                  <a:pt x="209951" y="-280"/>
                  <a:pt x="209951" y="24605"/>
                </a:cubicBezTo>
                <a:lnTo>
                  <a:pt x="209951" y="292331"/>
                </a:lnTo>
                <a:cubicBezTo>
                  <a:pt x="209951" y="305811"/>
                  <a:pt x="198960" y="316802"/>
                  <a:pt x="185481" y="316802"/>
                </a:cubicBezTo>
              </a:path>
            </a:pathLst>
          </a:custGeom>
          <a:solidFill>
            <a:srgbClr val="F48622"/>
          </a:solidFill>
          <a:ln w="0" cap="flat">
            <a:noFill/>
            <a:prstDash val="solid"/>
            <a:miter/>
          </a:ln>
        </p:spPr>
        <p:txBody>
          <a:bodyPr rtlCol="0" anchor="ctr"/>
          <a:lstStyle/>
          <a:p>
            <a:endParaRPr lang="nb-NO">
              <a:solidFill>
                <a:schemeClr val="tx1"/>
              </a:solidFill>
            </a:endParaRPr>
          </a:p>
        </p:txBody>
      </p:sp>
      <p:sp>
        <p:nvSpPr>
          <p:cNvPr id="27" name="Freeform: Shape 15">
            <a:extLst>
              <a:ext uri="{FF2B5EF4-FFF2-40B4-BE49-F238E27FC236}">
                <a16:creationId xmlns:a16="http://schemas.microsoft.com/office/drawing/2014/main" id="{3B25256A-12FE-3FAB-BD76-10FC06EF9F7D}"/>
              </a:ext>
            </a:extLst>
          </p:cNvPr>
          <p:cNvSpPr/>
          <p:nvPr userDrawn="1"/>
        </p:nvSpPr>
        <p:spPr>
          <a:xfrm>
            <a:off x="11134007" y="5558400"/>
            <a:ext cx="219794" cy="331653"/>
          </a:xfrm>
          <a:custGeom>
            <a:avLst/>
            <a:gdLst>
              <a:gd name="connsiteX0" fmla="*/ 185273 w 209951"/>
              <a:gd name="connsiteY0" fmla="*/ 316802 h 316801"/>
              <a:gd name="connsiteX1" fmla="*/ 24555 w 209951"/>
              <a:gd name="connsiteY1" fmla="*/ 316802 h 316801"/>
              <a:gd name="connsiteX2" fmla="*/ 3610 w 209951"/>
              <a:gd name="connsiteY2" fmla="*/ 279681 h 316801"/>
              <a:gd name="connsiteX3" fmla="*/ 164328 w 209951"/>
              <a:gd name="connsiteY3" fmla="*/ 11955 h 316801"/>
              <a:gd name="connsiteX4" fmla="*/ 209951 w 209951"/>
              <a:gd name="connsiteY4" fmla="*/ 24605 h 316801"/>
              <a:gd name="connsiteX5" fmla="*/ 209951 w 209951"/>
              <a:gd name="connsiteY5" fmla="*/ 292331 h 316801"/>
              <a:gd name="connsiteX6" fmla="*/ 185481 w 209951"/>
              <a:gd name="connsiteY6" fmla="*/ 316802 h 316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9951" h="316801">
                <a:moveTo>
                  <a:pt x="185273" y="316802"/>
                </a:moveTo>
                <a:lnTo>
                  <a:pt x="24555" y="316802"/>
                </a:lnTo>
                <a:cubicBezTo>
                  <a:pt x="5476" y="316802"/>
                  <a:pt x="-6344" y="296064"/>
                  <a:pt x="3610" y="279681"/>
                </a:cubicBezTo>
                <a:lnTo>
                  <a:pt x="164328" y="11955"/>
                </a:lnTo>
                <a:cubicBezTo>
                  <a:pt x="177186" y="-9405"/>
                  <a:pt x="209951" y="-280"/>
                  <a:pt x="209951" y="24605"/>
                </a:cubicBezTo>
                <a:lnTo>
                  <a:pt x="209951" y="292331"/>
                </a:lnTo>
                <a:cubicBezTo>
                  <a:pt x="209951" y="305811"/>
                  <a:pt x="198960" y="316802"/>
                  <a:pt x="185481" y="316802"/>
                </a:cubicBezTo>
              </a:path>
            </a:pathLst>
          </a:custGeom>
          <a:solidFill>
            <a:srgbClr val="F48622"/>
          </a:solidFill>
          <a:ln w="0" cap="flat">
            <a:noFill/>
            <a:prstDash val="solid"/>
            <a:miter/>
          </a:ln>
        </p:spPr>
        <p:txBody>
          <a:bodyPr rtlCol="0" anchor="ctr"/>
          <a:lstStyle/>
          <a:p>
            <a:endParaRPr lang="nb-NO">
              <a:solidFill>
                <a:schemeClr val="tx1"/>
              </a:solidFill>
            </a:endParaRPr>
          </a:p>
        </p:txBody>
      </p:sp>
      <p:pic>
        <p:nvPicPr>
          <p:cNvPr id="3" name="Bilde 2">
            <a:extLst>
              <a:ext uri="{FF2B5EF4-FFF2-40B4-BE49-F238E27FC236}">
                <a16:creationId xmlns:a16="http://schemas.microsoft.com/office/drawing/2014/main" id="{A8E150DF-DA94-9E69-F1CD-0A7E3A3184B7}"/>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1838902065"/>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6 Bilder (v1)">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43" name="Plassholder for tekst 2">
            <a:extLst>
              <a:ext uri="{FF2B5EF4-FFF2-40B4-BE49-F238E27FC236}">
                <a16:creationId xmlns:a16="http://schemas.microsoft.com/office/drawing/2014/main" id="{0216C865-47C2-00B0-9534-6A86022920E1}"/>
              </a:ext>
            </a:extLst>
          </p:cNvPr>
          <p:cNvSpPr>
            <a:spLocks noGrp="1"/>
          </p:cNvSpPr>
          <p:nvPr>
            <p:ph type="body" idx="19" hasCustomPrompt="1"/>
          </p:nvPr>
        </p:nvSpPr>
        <p:spPr>
          <a:xfrm>
            <a:off x="831478" y="2088000"/>
            <a:ext cx="1580400"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49" name="Plassholder for bilde 8">
            <a:extLst>
              <a:ext uri="{FF2B5EF4-FFF2-40B4-BE49-F238E27FC236}">
                <a16:creationId xmlns:a16="http://schemas.microsoft.com/office/drawing/2014/main" id="{02A85793-9D56-F3A1-1596-5630F094879C}"/>
              </a:ext>
            </a:extLst>
          </p:cNvPr>
          <p:cNvSpPr>
            <a:spLocks noGrp="1"/>
          </p:cNvSpPr>
          <p:nvPr>
            <p:ph type="pic" sz="quarter" idx="38" hasCustomPrompt="1"/>
          </p:nvPr>
        </p:nvSpPr>
        <p:spPr>
          <a:xfrm>
            <a:off x="831478" y="2916000"/>
            <a:ext cx="1580400" cy="2105244"/>
          </a:xfrm>
          <a:prstGeom prst="roundRect">
            <a:avLst>
              <a:gd name="adj" fmla="val 4964"/>
            </a:avLst>
          </a:prstGeom>
        </p:spPr>
        <p:txBody>
          <a:bodyPr>
            <a:normAutofit/>
          </a:bodyPr>
          <a:lstStyle>
            <a:lvl1pPr marL="0" indent="0" algn="ctr">
              <a:buNone/>
              <a:defRPr sz="1400">
                <a:solidFill>
                  <a:schemeClr val="tx1"/>
                </a:solidFill>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0" name="Plassholder for bilde 8">
            <a:extLst>
              <a:ext uri="{FF2B5EF4-FFF2-40B4-BE49-F238E27FC236}">
                <a16:creationId xmlns:a16="http://schemas.microsoft.com/office/drawing/2014/main" id="{3AEC5AE1-6BE8-9476-337F-52D4A743EF56}"/>
              </a:ext>
            </a:extLst>
          </p:cNvPr>
          <p:cNvSpPr>
            <a:spLocks noGrp="1"/>
          </p:cNvSpPr>
          <p:nvPr>
            <p:ph type="pic" sz="quarter" idx="39" hasCustomPrompt="1"/>
          </p:nvPr>
        </p:nvSpPr>
        <p:spPr>
          <a:xfrm>
            <a:off x="2622552" y="2916000"/>
            <a:ext cx="1580400" cy="2105244"/>
          </a:xfrm>
          <a:prstGeom prst="roundRect">
            <a:avLst>
              <a:gd name="adj" fmla="val 4964"/>
            </a:avLst>
          </a:prstGeom>
        </p:spPr>
        <p:txBody>
          <a:bodyPr>
            <a:normAutofit/>
          </a:bodyPr>
          <a:lstStyle>
            <a:lvl1pPr marL="0" indent="0" algn="ctr">
              <a:buNone/>
              <a:defRPr sz="1400">
                <a:solidFill>
                  <a:schemeClr val="tx1"/>
                </a:solidFill>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1" name="Plassholder for bilde 8">
            <a:extLst>
              <a:ext uri="{FF2B5EF4-FFF2-40B4-BE49-F238E27FC236}">
                <a16:creationId xmlns:a16="http://schemas.microsoft.com/office/drawing/2014/main" id="{AC6C25BE-265B-C6D8-69A6-49442D03AB80}"/>
              </a:ext>
            </a:extLst>
          </p:cNvPr>
          <p:cNvSpPr>
            <a:spLocks noGrp="1"/>
          </p:cNvSpPr>
          <p:nvPr>
            <p:ph type="pic" sz="quarter" idx="40" hasCustomPrompt="1"/>
          </p:nvPr>
        </p:nvSpPr>
        <p:spPr>
          <a:xfrm>
            <a:off x="4413626" y="2916000"/>
            <a:ext cx="1580400" cy="2105244"/>
          </a:xfrm>
          <a:prstGeom prst="roundRect">
            <a:avLst>
              <a:gd name="adj" fmla="val 4964"/>
            </a:avLst>
          </a:prstGeom>
        </p:spPr>
        <p:txBody>
          <a:bodyPr>
            <a:normAutofit/>
          </a:bodyPr>
          <a:lstStyle>
            <a:lvl1pPr marL="0" indent="0" algn="ctr">
              <a:buNone/>
              <a:defRPr sz="1400">
                <a:solidFill>
                  <a:schemeClr val="tx1"/>
                </a:solidFill>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2" name="Plassholder for bilde 8">
            <a:extLst>
              <a:ext uri="{FF2B5EF4-FFF2-40B4-BE49-F238E27FC236}">
                <a16:creationId xmlns:a16="http://schemas.microsoft.com/office/drawing/2014/main" id="{8E1508F4-ACCB-FBE9-3EAD-970AAB67D863}"/>
              </a:ext>
            </a:extLst>
          </p:cNvPr>
          <p:cNvSpPr>
            <a:spLocks noGrp="1"/>
          </p:cNvSpPr>
          <p:nvPr>
            <p:ph type="pic" sz="quarter" idx="41" hasCustomPrompt="1"/>
          </p:nvPr>
        </p:nvSpPr>
        <p:spPr>
          <a:xfrm>
            <a:off x="6204700" y="2916000"/>
            <a:ext cx="1580400" cy="2105244"/>
          </a:xfrm>
          <a:prstGeom prst="roundRect">
            <a:avLst>
              <a:gd name="adj" fmla="val 4964"/>
            </a:avLst>
          </a:prstGeom>
        </p:spPr>
        <p:txBody>
          <a:bodyPr>
            <a:normAutofit/>
          </a:bodyPr>
          <a:lstStyle>
            <a:lvl1pPr marL="0" indent="0" algn="ctr">
              <a:buNone/>
              <a:defRPr sz="1400">
                <a:solidFill>
                  <a:schemeClr val="tx1"/>
                </a:solidFill>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3" name="Plassholder for bilde 8">
            <a:extLst>
              <a:ext uri="{FF2B5EF4-FFF2-40B4-BE49-F238E27FC236}">
                <a16:creationId xmlns:a16="http://schemas.microsoft.com/office/drawing/2014/main" id="{C926433D-6769-3E06-C662-72FAF7DD71B5}"/>
              </a:ext>
            </a:extLst>
          </p:cNvPr>
          <p:cNvSpPr>
            <a:spLocks noGrp="1"/>
          </p:cNvSpPr>
          <p:nvPr>
            <p:ph type="pic" sz="quarter" idx="42" hasCustomPrompt="1"/>
          </p:nvPr>
        </p:nvSpPr>
        <p:spPr>
          <a:xfrm>
            <a:off x="7995774" y="2916000"/>
            <a:ext cx="1580400" cy="2105244"/>
          </a:xfrm>
          <a:prstGeom prst="roundRect">
            <a:avLst>
              <a:gd name="adj" fmla="val 4964"/>
            </a:avLst>
          </a:prstGeom>
        </p:spPr>
        <p:txBody>
          <a:bodyPr>
            <a:normAutofit/>
          </a:bodyPr>
          <a:lstStyle>
            <a:lvl1pPr marL="0" indent="0" algn="ctr">
              <a:buNone/>
              <a:defRPr sz="1400">
                <a:solidFill>
                  <a:schemeClr val="tx1"/>
                </a:solidFill>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5" name="Plassholder for bilde 8">
            <a:extLst>
              <a:ext uri="{FF2B5EF4-FFF2-40B4-BE49-F238E27FC236}">
                <a16:creationId xmlns:a16="http://schemas.microsoft.com/office/drawing/2014/main" id="{8AAE4EEE-9F8F-96A5-7631-B39CD25ED582}"/>
              </a:ext>
            </a:extLst>
          </p:cNvPr>
          <p:cNvSpPr>
            <a:spLocks noGrp="1"/>
          </p:cNvSpPr>
          <p:nvPr>
            <p:ph type="pic" sz="quarter" idx="43" hasCustomPrompt="1"/>
          </p:nvPr>
        </p:nvSpPr>
        <p:spPr>
          <a:xfrm>
            <a:off x="9786846" y="2916000"/>
            <a:ext cx="1580400" cy="2105244"/>
          </a:xfrm>
          <a:prstGeom prst="roundRect">
            <a:avLst>
              <a:gd name="adj" fmla="val 4964"/>
            </a:avLst>
          </a:prstGeom>
        </p:spPr>
        <p:txBody>
          <a:bodyPr>
            <a:normAutofit/>
          </a:bodyPr>
          <a:lstStyle>
            <a:lvl1pPr marL="0" indent="0" algn="ctr">
              <a:buNone/>
              <a:defRPr sz="1400">
                <a:solidFill>
                  <a:schemeClr val="tx1"/>
                </a:solidFill>
                <a:latin typeface="Aptos" panose="020B0004020202020204" pitchFamily="34" charset="0"/>
              </a:defRPr>
            </a:lvl1pPr>
          </a:lstStyle>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på ikonet for å legge til et bilde</a:t>
            </a:r>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a:p>
            <a:pPr marL="0" marR="0" lvl="0" indent="0" algn="ctr"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endParaRPr lang="nb-NO" dirty="0"/>
          </a:p>
        </p:txBody>
      </p:sp>
      <p:sp>
        <p:nvSpPr>
          <p:cNvPr id="56" name="Plassholder for tekst 2">
            <a:extLst>
              <a:ext uri="{FF2B5EF4-FFF2-40B4-BE49-F238E27FC236}">
                <a16:creationId xmlns:a16="http://schemas.microsoft.com/office/drawing/2014/main" id="{7863BA22-A604-E876-91EA-8E474376DF21}"/>
              </a:ext>
            </a:extLst>
          </p:cNvPr>
          <p:cNvSpPr>
            <a:spLocks noGrp="1"/>
          </p:cNvSpPr>
          <p:nvPr>
            <p:ph type="body" idx="44" hasCustomPrompt="1"/>
          </p:nvPr>
        </p:nvSpPr>
        <p:spPr>
          <a:xfrm>
            <a:off x="2622552" y="2088000"/>
            <a:ext cx="1580400"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7" name="Plassholder for tekst 2">
            <a:extLst>
              <a:ext uri="{FF2B5EF4-FFF2-40B4-BE49-F238E27FC236}">
                <a16:creationId xmlns:a16="http://schemas.microsoft.com/office/drawing/2014/main" id="{110F2602-FCA5-21AA-FE23-026DDB9B7142}"/>
              </a:ext>
            </a:extLst>
          </p:cNvPr>
          <p:cNvSpPr>
            <a:spLocks noGrp="1"/>
          </p:cNvSpPr>
          <p:nvPr>
            <p:ph type="body" idx="45" hasCustomPrompt="1"/>
          </p:nvPr>
        </p:nvSpPr>
        <p:spPr>
          <a:xfrm>
            <a:off x="4413626" y="2088000"/>
            <a:ext cx="1580400"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8" name="Plassholder for tekst 2">
            <a:extLst>
              <a:ext uri="{FF2B5EF4-FFF2-40B4-BE49-F238E27FC236}">
                <a16:creationId xmlns:a16="http://schemas.microsoft.com/office/drawing/2014/main" id="{083788E0-3FE7-F2BB-0796-EC8797C05B66}"/>
              </a:ext>
            </a:extLst>
          </p:cNvPr>
          <p:cNvSpPr>
            <a:spLocks noGrp="1"/>
          </p:cNvSpPr>
          <p:nvPr>
            <p:ph type="body" idx="46" hasCustomPrompt="1"/>
          </p:nvPr>
        </p:nvSpPr>
        <p:spPr>
          <a:xfrm>
            <a:off x="6204700" y="2088000"/>
            <a:ext cx="1580400"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9" name="Plassholder for tekst 2">
            <a:extLst>
              <a:ext uri="{FF2B5EF4-FFF2-40B4-BE49-F238E27FC236}">
                <a16:creationId xmlns:a16="http://schemas.microsoft.com/office/drawing/2014/main" id="{F518D76E-9C8C-7FC3-2374-E9BB932AC7BC}"/>
              </a:ext>
            </a:extLst>
          </p:cNvPr>
          <p:cNvSpPr>
            <a:spLocks noGrp="1"/>
          </p:cNvSpPr>
          <p:nvPr>
            <p:ph type="body" idx="47" hasCustomPrompt="1"/>
          </p:nvPr>
        </p:nvSpPr>
        <p:spPr>
          <a:xfrm>
            <a:off x="7995774" y="2088000"/>
            <a:ext cx="1580400"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60" name="Plassholder for tekst 2">
            <a:extLst>
              <a:ext uri="{FF2B5EF4-FFF2-40B4-BE49-F238E27FC236}">
                <a16:creationId xmlns:a16="http://schemas.microsoft.com/office/drawing/2014/main" id="{F95D8F59-61D6-70B5-4880-67640AD2A7AC}"/>
              </a:ext>
            </a:extLst>
          </p:cNvPr>
          <p:cNvSpPr>
            <a:spLocks noGrp="1"/>
          </p:cNvSpPr>
          <p:nvPr>
            <p:ph type="body" idx="48" hasCustomPrompt="1"/>
          </p:nvPr>
        </p:nvSpPr>
        <p:spPr>
          <a:xfrm>
            <a:off x="9786846" y="2088000"/>
            <a:ext cx="1580400"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65" name="Tittel 1">
            <a:extLst>
              <a:ext uri="{FF2B5EF4-FFF2-40B4-BE49-F238E27FC236}">
                <a16:creationId xmlns:a16="http://schemas.microsoft.com/office/drawing/2014/main" id="{7E4CF2B4-797D-A6C4-4847-226681D144F4}"/>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pic>
        <p:nvPicPr>
          <p:cNvPr id="3" name="Bilde 2">
            <a:extLst>
              <a:ext uri="{FF2B5EF4-FFF2-40B4-BE49-F238E27FC236}">
                <a16:creationId xmlns:a16="http://schemas.microsoft.com/office/drawing/2014/main" id="{69B1CADD-72C6-3442-2585-8A4A22649845}"/>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1643368516"/>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6 Bilder (v2)">
    <p:spTree>
      <p:nvGrpSpPr>
        <p:cNvPr id="1" name=""/>
        <p:cNvGrpSpPr/>
        <p:nvPr/>
      </p:nvGrpSpPr>
      <p:grpSpPr>
        <a:xfrm>
          <a:off x="0" y="0"/>
          <a:ext cx="0" cy="0"/>
          <a:chOff x="0" y="0"/>
          <a:chExt cx="0" cy="0"/>
        </a:xfrm>
      </p:grpSpPr>
      <p:sp>
        <p:nvSpPr>
          <p:cNvPr id="3" name="Plassholder for tekst 2">
            <a:extLst>
              <a:ext uri="{FF2B5EF4-FFF2-40B4-BE49-F238E27FC236}">
                <a16:creationId xmlns:a16="http://schemas.microsoft.com/office/drawing/2014/main" id="{86E2B3C6-9D86-9A92-BE07-9365AEC0262F}"/>
              </a:ext>
            </a:extLst>
          </p:cNvPr>
          <p:cNvSpPr>
            <a:spLocks noGrp="1"/>
          </p:cNvSpPr>
          <p:nvPr>
            <p:ph type="body" idx="1" hasCustomPrompt="1"/>
          </p:nvPr>
        </p:nvSpPr>
        <p:spPr>
          <a:xfrm>
            <a:off x="839789" y="1440000"/>
            <a:ext cx="3014582"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pic>
        <p:nvPicPr>
          <p:cNvPr id="2" name="Bilde 1">
            <a:extLst>
              <a:ext uri="{FF2B5EF4-FFF2-40B4-BE49-F238E27FC236}">
                <a16:creationId xmlns:a16="http://schemas.microsoft.com/office/drawing/2014/main" id="{BF95B06F-5E7A-A522-296C-B80306F9C7C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5" name="Plassholder for bilde 7">
            <a:extLst>
              <a:ext uri="{FF2B5EF4-FFF2-40B4-BE49-F238E27FC236}">
                <a16:creationId xmlns:a16="http://schemas.microsoft.com/office/drawing/2014/main" id="{F9D0DD48-D3B5-E6B7-A0AD-3711AFFC6E20}"/>
              </a:ext>
            </a:extLst>
          </p:cNvPr>
          <p:cNvSpPr>
            <a:spLocks noGrp="1"/>
          </p:cNvSpPr>
          <p:nvPr>
            <p:ph type="pic" sz="quarter" idx="18" hasCustomPrompt="1"/>
          </p:nvPr>
        </p:nvSpPr>
        <p:spPr>
          <a:xfrm>
            <a:off x="838200"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7" name="Plassholder for tekst 2">
            <a:extLst>
              <a:ext uri="{FF2B5EF4-FFF2-40B4-BE49-F238E27FC236}">
                <a16:creationId xmlns:a16="http://schemas.microsoft.com/office/drawing/2014/main" id="{579B4212-6066-1936-99A9-F11830993D55}"/>
              </a:ext>
            </a:extLst>
          </p:cNvPr>
          <p:cNvSpPr>
            <a:spLocks noGrp="1"/>
          </p:cNvSpPr>
          <p:nvPr>
            <p:ph type="body" idx="19" hasCustomPrompt="1"/>
          </p:nvPr>
        </p:nvSpPr>
        <p:spPr>
          <a:xfrm>
            <a:off x="4584795" y="1440000"/>
            <a:ext cx="3014582"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9" name="Plassholder for bilde 7">
            <a:extLst>
              <a:ext uri="{FF2B5EF4-FFF2-40B4-BE49-F238E27FC236}">
                <a16:creationId xmlns:a16="http://schemas.microsoft.com/office/drawing/2014/main" id="{9FF8982C-B885-8393-46D0-D8BEC14E2DEF}"/>
              </a:ext>
            </a:extLst>
          </p:cNvPr>
          <p:cNvSpPr>
            <a:spLocks noGrp="1"/>
          </p:cNvSpPr>
          <p:nvPr>
            <p:ph type="pic" sz="quarter" idx="20" hasCustomPrompt="1"/>
          </p:nvPr>
        </p:nvSpPr>
        <p:spPr>
          <a:xfrm>
            <a:off x="4583206"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15" name="Plassholder for tekst 2">
            <a:extLst>
              <a:ext uri="{FF2B5EF4-FFF2-40B4-BE49-F238E27FC236}">
                <a16:creationId xmlns:a16="http://schemas.microsoft.com/office/drawing/2014/main" id="{3DAF464D-5150-2CD2-B287-E5DE65E0CEB1}"/>
              </a:ext>
            </a:extLst>
          </p:cNvPr>
          <p:cNvSpPr>
            <a:spLocks noGrp="1"/>
          </p:cNvSpPr>
          <p:nvPr>
            <p:ph type="body" idx="21" hasCustomPrompt="1"/>
          </p:nvPr>
        </p:nvSpPr>
        <p:spPr>
          <a:xfrm>
            <a:off x="8336524" y="1440000"/>
            <a:ext cx="3014582"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6" name="Plassholder for bilde 7">
            <a:extLst>
              <a:ext uri="{FF2B5EF4-FFF2-40B4-BE49-F238E27FC236}">
                <a16:creationId xmlns:a16="http://schemas.microsoft.com/office/drawing/2014/main" id="{C4CB5FB2-868E-866B-B7FA-1A4A8EBBDBFC}"/>
              </a:ext>
            </a:extLst>
          </p:cNvPr>
          <p:cNvSpPr>
            <a:spLocks noGrp="1"/>
          </p:cNvSpPr>
          <p:nvPr>
            <p:ph type="pic" sz="quarter" idx="22" hasCustomPrompt="1"/>
          </p:nvPr>
        </p:nvSpPr>
        <p:spPr>
          <a:xfrm>
            <a:off x="8334935" y="2052000"/>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21" name="Tittel 1">
            <a:extLst>
              <a:ext uri="{FF2B5EF4-FFF2-40B4-BE49-F238E27FC236}">
                <a16:creationId xmlns:a16="http://schemas.microsoft.com/office/drawing/2014/main" id="{0321C738-ECD7-CCB3-D765-A186C5369493}"/>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sp>
        <p:nvSpPr>
          <p:cNvPr id="13" name="Plassholder for tekst 2">
            <a:extLst>
              <a:ext uri="{FF2B5EF4-FFF2-40B4-BE49-F238E27FC236}">
                <a16:creationId xmlns:a16="http://schemas.microsoft.com/office/drawing/2014/main" id="{E357181C-3944-182F-334F-B3748AE335AE}"/>
              </a:ext>
            </a:extLst>
          </p:cNvPr>
          <p:cNvSpPr>
            <a:spLocks noGrp="1"/>
          </p:cNvSpPr>
          <p:nvPr>
            <p:ph type="body" idx="23" hasCustomPrompt="1"/>
          </p:nvPr>
        </p:nvSpPr>
        <p:spPr>
          <a:xfrm>
            <a:off x="847383" y="3838556"/>
            <a:ext cx="3014582"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7" name="Plassholder for bilde 7">
            <a:extLst>
              <a:ext uri="{FF2B5EF4-FFF2-40B4-BE49-F238E27FC236}">
                <a16:creationId xmlns:a16="http://schemas.microsoft.com/office/drawing/2014/main" id="{F000B82B-10B3-4534-A66C-BF9ACBAD7F6C}"/>
              </a:ext>
            </a:extLst>
          </p:cNvPr>
          <p:cNvSpPr>
            <a:spLocks noGrp="1"/>
          </p:cNvSpPr>
          <p:nvPr>
            <p:ph type="pic" sz="quarter" idx="24" hasCustomPrompt="1"/>
          </p:nvPr>
        </p:nvSpPr>
        <p:spPr>
          <a:xfrm>
            <a:off x="845794" y="4450556"/>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18" name="Plassholder for tekst 2">
            <a:extLst>
              <a:ext uri="{FF2B5EF4-FFF2-40B4-BE49-F238E27FC236}">
                <a16:creationId xmlns:a16="http://schemas.microsoft.com/office/drawing/2014/main" id="{9655EA49-F11E-DD9D-6503-1DE6413A690F}"/>
              </a:ext>
            </a:extLst>
          </p:cNvPr>
          <p:cNvSpPr>
            <a:spLocks noGrp="1"/>
          </p:cNvSpPr>
          <p:nvPr>
            <p:ph type="body" idx="25" hasCustomPrompt="1"/>
          </p:nvPr>
        </p:nvSpPr>
        <p:spPr>
          <a:xfrm>
            <a:off x="4592389" y="3838556"/>
            <a:ext cx="3014582"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9" name="Plassholder for bilde 7">
            <a:extLst>
              <a:ext uri="{FF2B5EF4-FFF2-40B4-BE49-F238E27FC236}">
                <a16:creationId xmlns:a16="http://schemas.microsoft.com/office/drawing/2014/main" id="{DC97E4C9-16DA-6949-F1AF-EF19A0AF2787}"/>
              </a:ext>
            </a:extLst>
          </p:cNvPr>
          <p:cNvSpPr>
            <a:spLocks noGrp="1"/>
          </p:cNvSpPr>
          <p:nvPr>
            <p:ph type="pic" sz="quarter" idx="26" hasCustomPrompt="1"/>
          </p:nvPr>
        </p:nvSpPr>
        <p:spPr>
          <a:xfrm>
            <a:off x="4590800" y="4450556"/>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sp>
        <p:nvSpPr>
          <p:cNvPr id="20" name="Plassholder for tekst 2">
            <a:extLst>
              <a:ext uri="{FF2B5EF4-FFF2-40B4-BE49-F238E27FC236}">
                <a16:creationId xmlns:a16="http://schemas.microsoft.com/office/drawing/2014/main" id="{F7774074-FC60-E110-5F70-27A23896EEC9}"/>
              </a:ext>
            </a:extLst>
          </p:cNvPr>
          <p:cNvSpPr>
            <a:spLocks noGrp="1"/>
          </p:cNvSpPr>
          <p:nvPr>
            <p:ph type="body" idx="27" hasCustomPrompt="1"/>
          </p:nvPr>
        </p:nvSpPr>
        <p:spPr>
          <a:xfrm>
            <a:off x="8344118" y="3838556"/>
            <a:ext cx="3014582"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22" name="Plassholder for bilde 7">
            <a:extLst>
              <a:ext uri="{FF2B5EF4-FFF2-40B4-BE49-F238E27FC236}">
                <a16:creationId xmlns:a16="http://schemas.microsoft.com/office/drawing/2014/main" id="{CF5E2BC3-0E12-CE9D-A54E-FA0396D7191C}"/>
              </a:ext>
            </a:extLst>
          </p:cNvPr>
          <p:cNvSpPr>
            <a:spLocks noGrp="1"/>
          </p:cNvSpPr>
          <p:nvPr>
            <p:ph type="pic" sz="quarter" idx="28" hasCustomPrompt="1"/>
          </p:nvPr>
        </p:nvSpPr>
        <p:spPr>
          <a:xfrm>
            <a:off x="8342529" y="4450556"/>
            <a:ext cx="3023765" cy="1620000"/>
          </a:xfrm>
          <a:custGeom>
            <a:avLst/>
            <a:gdLst>
              <a:gd name="connsiteX0" fmla="*/ 225495 w 10506076"/>
              <a:gd name="connsiteY0" fmla="*/ 0 h 5253672"/>
              <a:gd name="connsiteX1" fmla="*/ 10281342 w 10506076"/>
              <a:gd name="connsiteY1" fmla="*/ 0 h 5253672"/>
              <a:gd name="connsiteX2" fmla="*/ 10489113 w 10506076"/>
              <a:gd name="connsiteY2" fmla="*/ 137752 h 5253672"/>
              <a:gd name="connsiteX3" fmla="*/ 10506076 w 10506076"/>
              <a:gd name="connsiteY3" fmla="*/ 221769 h 5253672"/>
              <a:gd name="connsiteX4" fmla="*/ 10506076 w 10506076"/>
              <a:gd name="connsiteY4" fmla="*/ 5032535 h 5253672"/>
              <a:gd name="connsiteX5" fmla="*/ 10489113 w 10506076"/>
              <a:gd name="connsiteY5" fmla="*/ 5116550 h 5253672"/>
              <a:gd name="connsiteX6" fmla="*/ 10326782 w 10506076"/>
              <a:gd name="connsiteY6" fmla="*/ 5249720 h 5253672"/>
              <a:gd name="connsiteX7" fmla="*/ 10287589 w 10506076"/>
              <a:gd name="connsiteY7" fmla="*/ 5253672 h 5253672"/>
              <a:gd name="connsiteX8" fmla="*/ 219248 w 10506076"/>
              <a:gd name="connsiteY8" fmla="*/ 5253672 h 5253672"/>
              <a:gd name="connsiteX9" fmla="*/ 180055 w 10506076"/>
              <a:gd name="connsiteY9" fmla="*/ 5249720 h 5253672"/>
              <a:gd name="connsiteX10" fmla="*/ 0 w 10506076"/>
              <a:gd name="connsiteY10" fmla="*/ 5028770 h 5253672"/>
              <a:gd name="connsiteX11" fmla="*/ 0 w 10506076"/>
              <a:gd name="connsiteY11" fmla="*/ 225533 h 5253672"/>
              <a:gd name="connsiteX12" fmla="*/ 225495 w 10506076"/>
              <a:gd name="connsiteY12" fmla="*/ 0 h 5253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06076" h="5253672">
                <a:moveTo>
                  <a:pt x="225495" y="0"/>
                </a:moveTo>
                <a:lnTo>
                  <a:pt x="10281342" y="0"/>
                </a:lnTo>
                <a:cubicBezTo>
                  <a:pt x="10374733" y="0"/>
                  <a:pt x="10454878" y="56808"/>
                  <a:pt x="10489113" y="137752"/>
                </a:cubicBezTo>
                <a:lnTo>
                  <a:pt x="10506076" y="221769"/>
                </a:lnTo>
                <a:lnTo>
                  <a:pt x="10506076" y="5032535"/>
                </a:lnTo>
                <a:lnTo>
                  <a:pt x="10489113" y="5116550"/>
                </a:lnTo>
                <a:cubicBezTo>
                  <a:pt x="10460584" y="5184004"/>
                  <a:pt x="10400173" y="5234696"/>
                  <a:pt x="10326782" y="5249720"/>
                </a:cubicBezTo>
                <a:lnTo>
                  <a:pt x="10287589" y="5253672"/>
                </a:lnTo>
                <a:lnTo>
                  <a:pt x="219248" y="5253672"/>
                </a:lnTo>
                <a:lnTo>
                  <a:pt x="180055" y="5249720"/>
                </a:lnTo>
                <a:cubicBezTo>
                  <a:pt x="77308" y="5228687"/>
                  <a:pt x="0" y="5137744"/>
                  <a:pt x="0" y="5028770"/>
                </a:cubicBezTo>
                <a:lnTo>
                  <a:pt x="0" y="225533"/>
                </a:lnTo>
                <a:cubicBezTo>
                  <a:pt x="0" y="100991"/>
                  <a:pt x="100974" y="0"/>
                  <a:pt x="225495" y="0"/>
                </a:cubicBezTo>
                <a:close/>
              </a:path>
            </a:pathLst>
          </a:custGeom>
          <a:noFill/>
        </p:spPr>
        <p:txBody>
          <a:bodyPr wrap="square" anchor="ctr">
            <a:noAutofit/>
          </a:bodyPr>
          <a:lstStyle>
            <a:lvl1pPr marL="0" indent="0" algn="ctr">
              <a:buNone/>
              <a:defRPr sz="1600">
                <a:solidFill>
                  <a:schemeClr val="tx1"/>
                </a:solidFill>
              </a:defRPr>
            </a:lvl1pPr>
          </a:lstStyle>
          <a:p>
            <a:r>
              <a:rPr lang="nb-NO" dirty="0"/>
              <a:t>Klikk på ikonet for å legge til et bilde</a:t>
            </a:r>
          </a:p>
          <a:p>
            <a:endParaRPr lang="nb-NO" dirty="0"/>
          </a:p>
          <a:p>
            <a:endParaRPr lang="nb-NO" dirty="0"/>
          </a:p>
        </p:txBody>
      </p:sp>
      <p:pic>
        <p:nvPicPr>
          <p:cNvPr id="4" name="Bilde 2">
            <a:extLst>
              <a:ext uri="{FF2B5EF4-FFF2-40B4-BE49-F238E27FC236}">
                <a16:creationId xmlns:a16="http://schemas.microsoft.com/office/drawing/2014/main" id="{1809BD24-89F9-48F3-62AF-A69BDCDAA928}"/>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18522945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title" preserve="1">
  <p:cSld name="Mellomslide 1">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A51597EE-9C80-BED4-B972-F77187939CB5}"/>
              </a:ext>
            </a:extLst>
          </p:cNvPr>
          <p:cNvSpPr>
            <a:spLocks noGrp="1"/>
          </p:cNvSpPr>
          <p:nvPr>
            <p:ph type="ctrTitle" hasCustomPrompt="1"/>
          </p:nvPr>
        </p:nvSpPr>
        <p:spPr>
          <a:xfrm>
            <a:off x="838200" y="847032"/>
            <a:ext cx="10515600" cy="2810567"/>
          </a:xfrm>
        </p:spPr>
        <p:txBody>
          <a:bodyPr anchor="b">
            <a:noAutofit/>
          </a:bodyPr>
          <a:lstStyle>
            <a:lvl1pPr algn="ctr">
              <a:defRPr sz="4400">
                <a:solidFill>
                  <a:schemeClr val="bg2"/>
                </a:solidFill>
                <a:latin typeface="Aptos" panose="020B0004020202020204" pitchFamily="34" charset="0"/>
              </a:defRPr>
            </a:lvl1pPr>
          </a:lstStyle>
          <a:p>
            <a:r>
              <a:rPr lang="nb-NO" dirty="0"/>
              <a:t>Klikk for å redigere tittel</a:t>
            </a:r>
          </a:p>
        </p:txBody>
      </p:sp>
      <p:sp>
        <p:nvSpPr>
          <p:cNvPr id="3" name="Undertittel 2">
            <a:extLst>
              <a:ext uri="{FF2B5EF4-FFF2-40B4-BE49-F238E27FC236}">
                <a16:creationId xmlns:a16="http://schemas.microsoft.com/office/drawing/2014/main" id="{6C16562C-6679-120E-9543-2FB6648D17D1}"/>
              </a:ext>
            </a:extLst>
          </p:cNvPr>
          <p:cNvSpPr>
            <a:spLocks noGrp="1"/>
          </p:cNvSpPr>
          <p:nvPr>
            <p:ph type="subTitle" idx="1" hasCustomPrompt="1"/>
          </p:nvPr>
        </p:nvSpPr>
        <p:spPr>
          <a:xfrm>
            <a:off x="838200" y="3724712"/>
            <a:ext cx="10515600" cy="2286000"/>
          </a:xfrm>
        </p:spPr>
        <p:txBody>
          <a:bodyPr>
            <a:noAutofit/>
          </a:bodyPr>
          <a:lstStyle>
            <a:lvl1pPr marL="0" indent="0" algn="ctr">
              <a:buNone/>
              <a:defRPr sz="2000">
                <a:solidFill>
                  <a:schemeClr val="bg2"/>
                </a:solidFill>
                <a:latin typeface="Aptos" panose="020B00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a:t>Klikk for å redigere undertittelstil i malen</a:t>
            </a:r>
          </a:p>
        </p:txBody>
      </p:sp>
      <p:pic>
        <p:nvPicPr>
          <p:cNvPr id="4" name="Bilde 3">
            <a:extLst>
              <a:ext uri="{FF2B5EF4-FFF2-40B4-BE49-F238E27FC236}">
                <a16:creationId xmlns:a16="http://schemas.microsoft.com/office/drawing/2014/main" id="{46CAA519-6EDD-239A-178C-6679C82E4B0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6" name="Bilde 5">
            <a:extLst>
              <a:ext uri="{FF2B5EF4-FFF2-40B4-BE49-F238E27FC236}">
                <a16:creationId xmlns:a16="http://schemas.microsoft.com/office/drawing/2014/main" id="{1D19E703-F873-71F5-8FDB-2D12D928A70A}"/>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Tree>
    <p:extLst>
      <p:ext uri="{BB962C8B-B14F-4D97-AF65-F5344CB8AC3E}">
        <p14:creationId xmlns:p14="http://schemas.microsoft.com/office/powerpoint/2010/main" val="3841692339"/>
      </p:ext>
    </p:extLst>
  </p:cSld>
  <p:clrMapOvr>
    <a:overrideClrMapping bg1="lt1" tx1="dk1" bg2="lt2" tx2="dk2" accent1="accent1" accent2="accent2" accent3="accent3" accent4="accent4" accent5="accent5" accent6="accent6" hlink="hlink" folHlink="folHlink"/>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7 Bilder">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43" name="Plassholder for tekst 2">
            <a:extLst>
              <a:ext uri="{FF2B5EF4-FFF2-40B4-BE49-F238E27FC236}">
                <a16:creationId xmlns:a16="http://schemas.microsoft.com/office/drawing/2014/main" id="{0216C865-47C2-00B0-9534-6A86022920E1}"/>
              </a:ext>
            </a:extLst>
          </p:cNvPr>
          <p:cNvSpPr>
            <a:spLocks noGrp="1"/>
          </p:cNvSpPr>
          <p:nvPr>
            <p:ph type="body" idx="19" hasCustomPrompt="1"/>
          </p:nvPr>
        </p:nvSpPr>
        <p:spPr>
          <a:xfrm>
            <a:off x="831478" y="1502430"/>
            <a:ext cx="2320955"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49" name="Plassholder for bilde 8">
            <a:extLst>
              <a:ext uri="{FF2B5EF4-FFF2-40B4-BE49-F238E27FC236}">
                <a16:creationId xmlns:a16="http://schemas.microsoft.com/office/drawing/2014/main" id="{02A85793-9D56-F3A1-1596-5630F094879C}"/>
              </a:ext>
            </a:extLst>
          </p:cNvPr>
          <p:cNvSpPr>
            <a:spLocks noGrp="1"/>
          </p:cNvSpPr>
          <p:nvPr>
            <p:ph type="pic" sz="quarter" idx="38"/>
          </p:nvPr>
        </p:nvSpPr>
        <p:spPr>
          <a:xfrm>
            <a:off x="831478" y="2226339"/>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52" name="Plassholder for bilde 8">
            <a:extLst>
              <a:ext uri="{FF2B5EF4-FFF2-40B4-BE49-F238E27FC236}">
                <a16:creationId xmlns:a16="http://schemas.microsoft.com/office/drawing/2014/main" id="{8E1508F4-ACCB-FBE9-3EAD-970AAB67D863}"/>
              </a:ext>
            </a:extLst>
          </p:cNvPr>
          <p:cNvSpPr>
            <a:spLocks noGrp="1"/>
          </p:cNvSpPr>
          <p:nvPr>
            <p:ph type="pic" sz="quarter" idx="41"/>
          </p:nvPr>
        </p:nvSpPr>
        <p:spPr>
          <a:xfrm>
            <a:off x="3569749" y="2226339"/>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55" name="Plassholder for bilde 8">
            <a:extLst>
              <a:ext uri="{FF2B5EF4-FFF2-40B4-BE49-F238E27FC236}">
                <a16:creationId xmlns:a16="http://schemas.microsoft.com/office/drawing/2014/main" id="{8AAE4EEE-9F8F-96A5-7631-B39CD25ED582}"/>
              </a:ext>
            </a:extLst>
          </p:cNvPr>
          <p:cNvSpPr>
            <a:spLocks noGrp="1"/>
          </p:cNvSpPr>
          <p:nvPr>
            <p:ph type="pic" sz="quarter" idx="43"/>
          </p:nvPr>
        </p:nvSpPr>
        <p:spPr>
          <a:xfrm>
            <a:off x="6308020" y="2226339"/>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58" name="Plassholder for tekst 2">
            <a:extLst>
              <a:ext uri="{FF2B5EF4-FFF2-40B4-BE49-F238E27FC236}">
                <a16:creationId xmlns:a16="http://schemas.microsoft.com/office/drawing/2014/main" id="{083788E0-3FE7-F2BB-0796-EC8797C05B66}"/>
              </a:ext>
            </a:extLst>
          </p:cNvPr>
          <p:cNvSpPr>
            <a:spLocks noGrp="1"/>
          </p:cNvSpPr>
          <p:nvPr>
            <p:ph type="body" idx="46" hasCustomPrompt="1"/>
          </p:nvPr>
        </p:nvSpPr>
        <p:spPr>
          <a:xfrm>
            <a:off x="3569749" y="1502430"/>
            <a:ext cx="2320955"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60" name="Plassholder for tekst 2">
            <a:extLst>
              <a:ext uri="{FF2B5EF4-FFF2-40B4-BE49-F238E27FC236}">
                <a16:creationId xmlns:a16="http://schemas.microsoft.com/office/drawing/2014/main" id="{F95D8F59-61D6-70B5-4880-67640AD2A7AC}"/>
              </a:ext>
            </a:extLst>
          </p:cNvPr>
          <p:cNvSpPr>
            <a:spLocks noGrp="1"/>
          </p:cNvSpPr>
          <p:nvPr>
            <p:ph type="body" idx="48" hasCustomPrompt="1"/>
          </p:nvPr>
        </p:nvSpPr>
        <p:spPr>
          <a:xfrm>
            <a:off x="6308020" y="1502430"/>
            <a:ext cx="2320955"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 name="Plassholder for bilde 8">
            <a:extLst>
              <a:ext uri="{FF2B5EF4-FFF2-40B4-BE49-F238E27FC236}">
                <a16:creationId xmlns:a16="http://schemas.microsoft.com/office/drawing/2014/main" id="{AE878338-A930-AD9C-8F64-7659FF69DF26}"/>
              </a:ext>
            </a:extLst>
          </p:cNvPr>
          <p:cNvSpPr>
            <a:spLocks noGrp="1"/>
          </p:cNvSpPr>
          <p:nvPr>
            <p:ph type="pic" sz="quarter" idx="49"/>
          </p:nvPr>
        </p:nvSpPr>
        <p:spPr>
          <a:xfrm>
            <a:off x="9046291" y="2226339"/>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7" name="Plassholder for tekst 2">
            <a:extLst>
              <a:ext uri="{FF2B5EF4-FFF2-40B4-BE49-F238E27FC236}">
                <a16:creationId xmlns:a16="http://schemas.microsoft.com/office/drawing/2014/main" id="{0253B3FF-EF18-2696-A213-A83D77188778}"/>
              </a:ext>
            </a:extLst>
          </p:cNvPr>
          <p:cNvSpPr>
            <a:spLocks noGrp="1"/>
          </p:cNvSpPr>
          <p:nvPr>
            <p:ph type="body" idx="50" hasCustomPrompt="1"/>
          </p:nvPr>
        </p:nvSpPr>
        <p:spPr>
          <a:xfrm>
            <a:off x="9046291" y="1502430"/>
            <a:ext cx="2320955"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3" name="Plassholder for bilde 8">
            <a:extLst>
              <a:ext uri="{FF2B5EF4-FFF2-40B4-BE49-F238E27FC236}">
                <a16:creationId xmlns:a16="http://schemas.microsoft.com/office/drawing/2014/main" id="{97F1F746-ED1D-ECA3-C751-F29B0B485375}"/>
              </a:ext>
            </a:extLst>
          </p:cNvPr>
          <p:cNvSpPr>
            <a:spLocks noGrp="1"/>
          </p:cNvSpPr>
          <p:nvPr>
            <p:ph type="pic" sz="quarter" idx="53"/>
          </p:nvPr>
        </p:nvSpPr>
        <p:spPr>
          <a:xfrm>
            <a:off x="2204873" y="4586298"/>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14" name="Plassholder for bilde 8">
            <a:extLst>
              <a:ext uri="{FF2B5EF4-FFF2-40B4-BE49-F238E27FC236}">
                <a16:creationId xmlns:a16="http://schemas.microsoft.com/office/drawing/2014/main" id="{2F4277C5-FFD4-37D9-1CF3-2454E2F2EF7B}"/>
              </a:ext>
            </a:extLst>
          </p:cNvPr>
          <p:cNvSpPr>
            <a:spLocks noGrp="1"/>
          </p:cNvSpPr>
          <p:nvPr>
            <p:ph type="pic" sz="quarter" idx="54"/>
          </p:nvPr>
        </p:nvSpPr>
        <p:spPr>
          <a:xfrm>
            <a:off x="4943144" y="4586298"/>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15" name="Plassholder for tekst 2">
            <a:extLst>
              <a:ext uri="{FF2B5EF4-FFF2-40B4-BE49-F238E27FC236}">
                <a16:creationId xmlns:a16="http://schemas.microsoft.com/office/drawing/2014/main" id="{E02CF2BA-8B43-251E-FA25-2606AA231EB9}"/>
              </a:ext>
            </a:extLst>
          </p:cNvPr>
          <p:cNvSpPr>
            <a:spLocks noGrp="1"/>
          </p:cNvSpPr>
          <p:nvPr>
            <p:ph type="body" idx="55" hasCustomPrompt="1"/>
          </p:nvPr>
        </p:nvSpPr>
        <p:spPr>
          <a:xfrm>
            <a:off x="2204873" y="3864209"/>
            <a:ext cx="2320955"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6" name="Plassholder for tekst 2">
            <a:extLst>
              <a:ext uri="{FF2B5EF4-FFF2-40B4-BE49-F238E27FC236}">
                <a16:creationId xmlns:a16="http://schemas.microsoft.com/office/drawing/2014/main" id="{9D980F3E-68D9-E050-B6E5-70EE446D01FE}"/>
              </a:ext>
            </a:extLst>
          </p:cNvPr>
          <p:cNvSpPr>
            <a:spLocks noGrp="1"/>
          </p:cNvSpPr>
          <p:nvPr>
            <p:ph type="body" idx="56" hasCustomPrompt="1"/>
          </p:nvPr>
        </p:nvSpPr>
        <p:spPr>
          <a:xfrm>
            <a:off x="4943144" y="3864209"/>
            <a:ext cx="2320955"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7" name="Plassholder for bilde 8">
            <a:extLst>
              <a:ext uri="{FF2B5EF4-FFF2-40B4-BE49-F238E27FC236}">
                <a16:creationId xmlns:a16="http://schemas.microsoft.com/office/drawing/2014/main" id="{566499BD-1118-679D-9C95-1CDC349F9D0E}"/>
              </a:ext>
            </a:extLst>
          </p:cNvPr>
          <p:cNvSpPr>
            <a:spLocks noGrp="1"/>
          </p:cNvSpPr>
          <p:nvPr>
            <p:ph type="pic" sz="quarter" idx="57"/>
          </p:nvPr>
        </p:nvSpPr>
        <p:spPr>
          <a:xfrm>
            <a:off x="7681415" y="4586298"/>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18" name="Plassholder for tekst 2">
            <a:extLst>
              <a:ext uri="{FF2B5EF4-FFF2-40B4-BE49-F238E27FC236}">
                <a16:creationId xmlns:a16="http://schemas.microsoft.com/office/drawing/2014/main" id="{E2C37CDB-FA3D-9CF1-F030-5A5CEA6D6A46}"/>
              </a:ext>
            </a:extLst>
          </p:cNvPr>
          <p:cNvSpPr>
            <a:spLocks noGrp="1"/>
          </p:cNvSpPr>
          <p:nvPr>
            <p:ph type="body" idx="58" hasCustomPrompt="1"/>
          </p:nvPr>
        </p:nvSpPr>
        <p:spPr>
          <a:xfrm>
            <a:off x="7681415" y="3864209"/>
            <a:ext cx="2320955" cy="576000"/>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3" name="Tittel 1">
            <a:extLst>
              <a:ext uri="{FF2B5EF4-FFF2-40B4-BE49-F238E27FC236}">
                <a16:creationId xmlns:a16="http://schemas.microsoft.com/office/drawing/2014/main" id="{BBB7AF09-F2EB-4DBB-CF93-129E42C92E81}"/>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pic>
        <p:nvPicPr>
          <p:cNvPr id="4" name="Bilde 2">
            <a:extLst>
              <a:ext uri="{FF2B5EF4-FFF2-40B4-BE49-F238E27FC236}">
                <a16:creationId xmlns:a16="http://schemas.microsoft.com/office/drawing/2014/main" id="{B09F5F2C-F74B-22EC-1096-B0D094863F27}"/>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1466008862"/>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8 Bilder">
    <p:spTree>
      <p:nvGrpSpPr>
        <p:cNvPr id="1" name=""/>
        <p:cNvGrpSpPr/>
        <p:nvPr/>
      </p:nvGrpSpPr>
      <p:grpSpPr>
        <a:xfrm>
          <a:off x="0" y="0"/>
          <a:ext cx="0" cy="0"/>
          <a:chOff x="0" y="0"/>
          <a:chExt cx="0" cy="0"/>
        </a:xfrm>
      </p:grpSpPr>
      <p:pic>
        <p:nvPicPr>
          <p:cNvPr id="6" name="Bilde 5">
            <a:extLst>
              <a:ext uri="{FF2B5EF4-FFF2-40B4-BE49-F238E27FC236}">
                <a16:creationId xmlns:a16="http://schemas.microsoft.com/office/drawing/2014/main" id="{A3373E02-E389-60DB-80D0-C03D1C2588C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43" name="Plassholder for tekst 2">
            <a:extLst>
              <a:ext uri="{FF2B5EF4-FFF2-40B4-BE49-F238E27FC236}">
                <a16:creationId xmlns:a16="http://schemas.microsoft.com/office/drawing/2014/main" id="{0216C865-47C2-00B0-9534-6A86022920E1}"/>
              </a:ext>
            </a:extLst>
          </p:cNvPr>
          <p:cNvSpPr>
            <a:spLocks noGrp="1"/>
          </p:cNvSpPr>
          <p:nvPr>
            <p:ph type="body" idx="19" hasCustomPrompt="1"/>
          </p:nvPr>
        </p:nvSpPr>
        <p:spPr>
          <a:xfrm>
            <a:off x="831478" y="1501200"/>
            <a:ext cx="2320955"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49" name="Plassholder for bilde 8">
            <a:extLst>
              <a:ext uri="{FF2B5EF4-FFF2-40B4-BE49-F238E27FC236}">
                <a16:creationId xmlns:a16="http://schemas.microsoft.com/office/drawing/2014/main" id="{02A85793-9D56-F3A1-1596-5630F094879C}"/>
              </a:ext>
            </a:extLst>
          </p:cNvPr>
          <p:cNvSpPr>
            <a:spLocks noGrp="1"/>
          </p:cNvSpPr>
          <p:nvPr>
            <p:ph type="pic" sz="quarter" idx="38"/>
          </p:nvPr>
        </p:nvSpPr>
        <p:spPr>
          <a:xfrm>
            <a:off x="831478" y="2226339"/>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dirty="0"/>
              <a:t>Klikk på ikonet for å legge til et bilde</a:t>
            </a:r>
          </a:p>
        </p:txBody>
      </p:sp>
      <p:sp>
        <p:nvSpPr>
          <p:cNvPr id="52" name="Plassholder for bilde 8">
            <a:extLst>
              <a:ext uri="{FF2B5EF4-FFF2-40B4-BE49-F238E27FC236}">
                <a16:creationId xmlns:a16="http://schemas.microsoft.com/office/drawing/2014/main" id="{8E1508F4-ACCB-FBE9-3EAD-970AAB67D863}"/>
              </a:ext>
            </a:extLst>
          </p:cNvPr>
          <p:cNvSpPr>
            <a:spLocks noGrp="1"/>
          </p:cNvSpPr>
          <p:nvPr>
            <p:ph type="pic" sz="quarter" idx="41"/>
          </p:nvPr>
        </p:nvSpPr>
        <p:spPr>
          <a:xfrm>
            <a:off x="3569749" y="2226339"/>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55" name="Plassholder for bilde 8">
            <a:extLst>
              <a:ext uri="{FF2B5EF4-FFF2-40B4-BE49-F238E27FC236}">
                <a16:creationId xmlns:a16="http://schemas.microsoft.com/office/drawing/2014/main" id="{8AAE4EEE-9F8F-96A5-7631-B39CD25ED582}"/>
              </a:ext>
            </a:extLst>
          </p:cNvPr>
          <p:cNvSpPr>
            <a:spLocks noGrp="1"/>
          </p:cNvSpPr>
          <p:nvPr>
            <p:ph type="pic" sz="quarter" idx="43"/>
          </p:nvPr>
        </p:nvSpPr>
        <p:spPr>
          <a:xfrm>
            <a:off x="6308020" y="2226339"/>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58" name="Plassholder for tekst 2">
            <a:extLst>
              <a:ext uri="{FF2B5EF4-FFF2-40B4-BE49-F238E27FC236}">
                <a16:creationId xmlns:a16="http://schemas.microsoft.com/office/drawing/2014/main" id="{083788E0-3FE7-F2BB-0796-EC8797C05B66}"/>
              </a:ext>
            </a:extLst>
          </p:cNvPr>
          <p:cNvSpPr>
            <a:spLocks noGrp="1"/>
          </p:cNvSpPr>
          <p:nvPr>
            <p:ph type="body" idx="46" hasCustomPrompt="1"/>
          </p:nvPr>
        </p:nvSpPr>
        <p:spPr>
          <a:xfrm>
            <a:off x="3569749" y="1501200"/>
            <a:ext cx="2320955"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60" name="Plassholder for tekst 2">
            <a:extLst>
              <a:ext uri="{FF2B5EF4-FFF2-40B4-BE49-F238E27FC236}">
                <a16:creationId xmlns:a16="http://schemas.microsoft.com/office/drawing/2014/main" id="{F95D8F59-61D6-70B5-4880-67640AD2A7AC}"/>
              </a:ext>
            </a:extLst>
          </p:cNvPr>
          <p:cNvSpPr>
            <a:spLocks noGrp="1"/>
          </p:cNvSpPr>
          <p:nvPr>
            <p:ph type="body" idx="48" hasCustomPrompt="1"/>
          </p:nvPr>
        </p:nvSpPr>
        <p:spPr>
          <a:xfrm>
            <a:off x="6308020" y="1501200"/>
            <a:ext cx="2320955"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5" name="Plassholder for bilde 8">
            <a:extLst>
              <a:ext uri="{FF2B5EF4-FFF2-40B4-BE49-F238E27FC236}">
                <a16:creationId xmlns:a16="http://schemas.microsoft.com/office/drawing/2014/main" id="{AE878338-A930-AD9C-8F64-7659FF69DF26}"/>
              </a:ext>
            </a:extLst>
          </p:cNvPr>
          <p:cNvSpPr>
            <a:spLocks noGrp="1"/>
          </p:cNvSpPr>
          <p:nvPr>
            <p:ph type="pic" sz="quarter" idx="49"/>
          </p:nvPr>
        </p:nvSpPr>
        <p:spPr>
          <a:xfrm>
            <a:off x="9046291" y="2226339"/>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7" name="Plassholder for tekst 2">
            <a:extLst>
              <a:ext uri="{FF2B5EF4-FFF2-40B4-BE49-F238E27FC236}">
                <a16:creationId xmlns:a16="http://schemas.microsoft.com/office/drawing/2014/main" id="{0253B3FF-EF18-2696-A213-A83D77188778}"/>
              </a:ext>
            </a:extLst>
          </p:cNvPr>
          <p:cNvSpPr>
            <a:spLocks noGrp="1"/>
          </p:cNvSpPr>
          <p:nvPr>
            <p:ph type="body" idx="50" hasCustomPrompt="1"/>
          </p:nvPr>
        </p:nvSpPr>
        <p:spPr>
          <a:xfrm>
            <a:off x="9046291" y="1501200"/>
            <a:ext cx="2320955"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2" name="Plassholder for bilde 8">
            <a:extLst>
              <a:ext uri="{FF2B5EF4-FFF2-40B4-BE49-F238E27FC236}">
                <a16:creationId xmlns:a16="http://schemas.microsoft.com/office/drawing/2014/main" id="{2DD7E2EC-01C3-088C-18A9-A21C6D22D0CC}"/>
              </a:ext>
            </a:extLst>
          </p:cNvPr>
          <p:cNvSpPr>
            <a:spLocks noGrp="1"/>
          </p:cNvSpPr>
          <p:nvPr>
            <p:ph type="pic" sz="quarter" idx="52"/>
          </p:nvPr>
        </p:nvSpPr>
        <p:spPr>
          <a:xfrm>
            <a:off x="831478" y="4586298"/>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13" name="Plassholder for bilde 8">
            <a:extLst>
              <a:ext uri="{FF2B5EF4-FFF2-40B4-BE49-F238E27FC236}">
                <a16:creationId xmlns:a16="http://schemas.microsoft.com/office/drawing/2014/main" id="{97F1F746-ED1D-ECA3-C751-F29B0B485375}"/>
              </a:ext>
            </a:extLst>
          </p:cNvPr>
          <p:cNvSpPr>
            <a:spLocks noGrp="1"/>
          </p:cNvSpPr>
          <p:nvPr>
            <p:ph type="pic" sz="quarter" idx="53"/>
          </p:nvPr>
        </p:nvSpPr>
        <p:spPr>
          <a:xfrm>
            <a:off x="3569749" y="4586298"/>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14" name="Plassholder for bilde 8">
            <a:extLst>
              <a:ext uri="{FF2B5EF4-FFF2-40B4-BE49-F238E27FC236}">
                <a16:creationId xmlns:a16="http://schemas.microsoft.com/office/drawing/2014/main" id="{2F4277C5-FFD4-37D9-1CF3-2454E2F2EF7B}"/>
              </a:ext>
            </a:extLst>
          </p:cNvPr>
          <p:cNvSpPr>
            <a:spLocks noGrp="1"/>
          </p:cNvSpPr>
          <p:nvPr>
            <p:ph type="pic" sz="quarter" idx="54"/>
          </p:nvPr>
        </p:nvSpPr>
        <p:spPr>
          <a:xfrm>
            <a:off x="6308020" y="4586298"/>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17" name="Plassholder for bilde 8">
            <a:extLst>
              <a:ext uri="{FF2B5EF4-FFF2-40B4-BE49-F238E27FC236}">
                <a16:creationId xmlns:a16="http://schemas.microsoft.com/office/drawing/2014/main" id="{566499BD-1118-679D-9C95-1CDC349F9D0E}"/>
              </a:ext>
            </a:extLst>
          </p:cNvPr>
          <p:cNvSpPr>
            <a:spLocks noGrp="1"/>
          </p:cNvSpPr>
          <p:nvPr>
            <p:ph type="pic" sz="quarter" idx="57"/>
          </p:nvPr>
        </p:nvSpPr>
        <p:spPr>
          <a:xfrm>
            <a:off x="9046291" y="4586298"/>
            <a:ext cx="2320955" cy="1465982"/>
          </a:xfrm>
          <a:prstGeom prst="roundRect">
            <a:avLst>
              <a:gd name="adj" fmla="val 4964"/>
            </a:avLst>
          </a:prstGeom>
          <a:noFill/>
        </p:spPr>
        <p:txBody>
          <a:bodyPr>
            <a:normAutofit/>
          </a:bodyPr>
          <a:lstStyle>
            <a:lvl1pPr marL="0" indent="0" algn="ctr">
              <a:buNone/>
              <a:defRPr sz="1600">
                <a:solidFill>
                  <a:schemeClr val="tx1"/>
                </a:solidFill>
                <a:latin typeface="Aptos" panose="020B0004020202020204" pitchFamily="34" charset="0"/>
              </a:defRPr>
            </a:lvl1pPr>
          </a:lstStyle>
          <a:p>
            <a:r>
              <a:rPr lang="nb-NO"/>
              <a:t>Klikk på ikonet for å legge til et bilde</a:t>
            </a:r>
          </a:p>
        </p:txBody>
      </p:sp>
      <p:sp>
        <p:nvSpPr>
          <p:cNvPr id="4" name="Tittel 1">
            <a:extLst>
              <a:ext uri="{FF2B5EF4-FFF2-40B4-BE49-F238E27FC236}">
                <a16:creationId xmlns:a16="http://schemas.microsoft.com/office/drawing/2014/main" id="{59A7167C-BAA1-4A10-1B98-1A00582557C8}"/>
              </a:ext>
            </a:extLst>
          </p:cNvPr>
          <p:cNvSpPr>
            <a:spLocks noGrp="1"/>
          </p:cNvSpPr>
          <p:nvPr>
            <p:ph type="title" hasCustomPrompt="1"/>
          </p:nvPr>
        </p:nvSpPr>
        <p:spPr>
          <a:xfrm>
            <a:off x="838200" y="416372"/>
            <a:ext cx="10515600" cy="946766"/>
          </a:xfrm>
        </p:spPr>
        <p:txBody>
          <a:bodyPr anchor="t">
            <a:noAutofit/>
          </a:bodyPr>
          <a:lstStyle>
            <a:lvl1pPr>
              <a:defRPr>
                <a:solidFill>
                  <a:schemeClr val="tx1"/>
                </a:solidFill>
                <a:latin typeface="Aptos" panose="020B0004020202020204" pitchFamily="34" charset="0"/>
              </a:defRPr>
            </a:lvl1pPr>
          </a:lstStyle>
          <a:p>
            <a:r>
              <a:rPr lang="nb-NO" dirty="0"/>
              <a:t>Klikk for å redigere tittel</a:t>
            </a:r>
          </a:p>
        </p:txBody>
      </p:sp>
      <p:sp>
        <p:nvSpPr>
          <p:cNvPr id="3" name="Plassholder for tekst 2">
            <a:extLst>
              <a:ext uri="{FF2B5EF4-FFF2-40B4-BE49-F238E27FC236}">
                <a16:creationId xmlns:a16="http://schemas.microsoft.com/office/drawing/2014/main" id="{576CEBF6-3BE1-5E42-6061-F6926D31797C}"/>
              </a:ext>
            </a:extLst>
          </p:cNvPr>
          <p:cNvSpPr>
            <a:spLocks noGrp="1"/>
          </p:cNvSpPr>
          <p:nvPr>
            <p:ph type="body" idx="58" hasCustomPrompt="1"/>
          </p:nvPr>
        </p:nvSpPr>
        <p:spPr>
          <a:xfrm>
            <a:off x="831478" y="3864209"/>
            <a:ext cx="2320955"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8" name="Plassholder for tekst 2">
            <a:extLst>
              <a:ext uri="{FF2B5EF4-FFF2-40B4-BE49-F238E27FC236}">
                <a16:creationId xmlns:a16="http://schemas.microsoft.com/office/drawing/2014/main" id="{0FFD279D-1973-5BD8-6E81-9CB6D66CDEB9}"/>
              </a:ext>
            </a:extLst>
          </p:cNvPr>
          <p:cNvSpPr>
            <a:spLocks noGrp="1"/>
          </p:cNvSpPr>
          <p:nvPr>
            <p:ph type="body" idx="59" hasCustomPrompt="1"/>
          </p:nvPr>
        </p:nvSpPr>
        <p:spPr>
          <a:xfrm>
            <a:off x="3569749" y="3864209"/>
            <a:ext cx="2320955"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9" name="Plassholder for tekst 2">
            <a:extLst>
              <a:ext uri="{FF2B5EF4-FFF2-40B4-BE49-F238E27FC236}">
                <a16:creationId xmlns:a16="http://schemas.microsoft.com/office/drawing/2014/main" id="{68A3FA0C-01AD-17E2-9321-71045DF2D574}"/>
              </a:ext>
            </a:extLst>
          </p:cNvPr>
          <p:cNvSpPr>
            <a:spLocks noGrp="1"/>
          </p:cNvSpPr>
          <p:nvPr>
            <p:ph type="body" idx="60" hasCustomPrompt="1"/>
          </p:nvPr>
        </p:nvSpPr>
        <p:spPr>
          <a:xfrm>
            <a:off x="6308020" y="3864209"/>
            <a:ext cx="2320955"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sp>
        <p:nvSpPr>
          <p:cNvPr id="19" name="Plassholder for tekst 2">
            <a:extLst>
              <a:ext uri="{FF2B5EF4-FFF2-40B4-BE49-F238E27FC236}">
                <a16:creationId xmlns:a16="http://schemas.microsoft.com/office/drawing/2014/main" id="{708F4737-FA4E-521E-70AA-1214CEAD3C81}"/>
              </a:ext>
            </a:extLst>
          </p:cNvPr>
          <p:cNvSpPr>
            <a:spLocks noGrp="1"/>
          </p:cNvSpPr>
          <p:nvPr>
            <p:ph type="body" idx="61" hasCustomPrompt="1"/>
          </p:nvPr>
        </p:nvSpPr>
        <p:spPr>
          <a:xfrm>
            <a:off x="9046291" y="3864209"/>
            <a:ext cx="2320955" cy="575673"/>
          </a:xfrm>
        </p:spPr>
        <p:txBody>
          <a:bodyPr anchor="b">
            <a:noAutofit/>
          </a:bodyPr>
          <a:lstStyle>
            <a:lvl1pPr marL="0" indent="0" algn="ctr">
              <a:buNone/>
              <a:defRPr sz="1600" b="1">
                <a:solidFill>
                  <a:schemeClr val="tx1"/>
                </a:solidFill>
                <a:latin typeface="Aptos" panose="020B00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nb-NO" dirty="0"/>
              <a:t>H4 Overskrift</a:t>
            </a:r>
          </a:p>
        </p:txBody>
      </p:sp>
      <p:pic>
        <p:nvPicPr>
          <p:cNvPr id="10" name="Bilde 2">
            <a:extLst>
              <a:ext uri="{FF2B5EF4-FFF2-40B4-BE49-F238E27FC236}">
                <a16:creationId xmlns:a16="http://schemas.microsoft.com/office/drawing/2014/main" id="{2C2C500B-13FB-4EE3-24F5-D87D3B332EBF}"/>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06780090"/>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Blank med overskrift">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9" name="Plassholder for tekst 11">
            <a:extLst>
              <a:ext uri="{FF2B5EF4-FFF2-40B4-BE49-F238E27FC236}">
                <a16:creationId xmlns:a16="http://schemas.microsoft.com/office/drawing/2014/main" id="{2F858608-64D6-331C-085A-0C66685BB95F}"/>
              </a:ext>
            </a:extLst>
          </p:cNvPr>
          <p:cNvSpPr>
            <a:spLocks noGrp="1"/>
          </p:cNvSpPr>
          <p:nvPr>
            <p:ph type="body" sz="quarter" idx="14" hasCustomPrompt="1"/>
          </p:nvPr>
        </p:nvSpPr>
        <p:spPr>
          <a:xfrm>
            <a:off x="838201" y="417600"/>
            <a:ext cx="10530384" cy="946800"/>
          </a:xfrm>
        </p:spPr>
        <p:txBody>
          <a:bodyPr>
            <a:noAutofit/>
          </a:bodyPr>
          <a:lstStyle>
            <a:lvl1pPr marL="0" indent="0">
              <a:spcBef>
                <a:spcPts val="0"/>
              </a:spcBef>
              <a:buNone/>
              <a:defRPr sz="3200" b="1">
                <a:solidFill>
                  <a:schemeClr val="tx1"/>
                </a:solidFill>
                <a:latin typeface="+mj-lt"/>
              </a:defRPr>
            </a:lvl1pPr>
          </a:lstStyle>
          <a:p>
            <a:r>
              <a:rPr lang="nb-NO" dirty="0"/>
              <a:t>Klikk for å redigere tittel</a:t>
            </a:r>
          </a:p>
        </p:txBody>
      </p:sp>
      <p:pic>
        <p:nvPicPr>
          <p:cNvPr id="3" name="Bilde 2">
            <a:extLst>
              <a:ext uri="{FF2B5EF4-FFF2-40B4-BE49-F238E27FC236}">
                <a16:creationId xmlns:a16="http://schemas.microsoft.com/office/drawing/2014/main" id="{132ACC07-52CA-A4AD-41FB-BB03DE9FA8A5}"/>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682846389"/>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3" name="Bilde 2">
            <a:extLst>
              <a:ext uri="{FF2B5EF4-FFF2-40B4-BE49-F238E27FC236}">
                <a16:creationId xmlns:a16="http://schemas.microsoft.com/office/drawing/2014/main" id="{932D5928-BB66-564C-FC18-C790A2A021AB}"/>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3282038184"/>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Referanse forside">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E2CA3827-621B-C676-47D3-201B124EF455}"/>
              </a:ext>
            </a:extLst>
          </p:cNvPr>
          <p:cNvSpPr>
            <a:spLocks noGrp="1"/>
          </p:cNvSpPr>
          <p:nvPr>
            <p:ph type="title" hasCustomPrompt="1"/>
          </p:nvPr>
        </p:nvSpPr>
        <p:spPr>
          <a:xfrm>
            <a:off x="838199" y="5745270"/>
            <a:ext cx="9585961" cy="911562"/>
          </a:xfrm>
        </p:spPr>
        <p:txBody>
          <a:bodyPr anchor="t">
            <a:noAutofit/>
          </a:bodyPr>
          <a:lstStyle>
            <a:lvl1pPr>
              <a:defRPr>
                <a:solidFill>
                  <a:schemeClr val="tx1"/>
                </a:solidFill>
                <a:latin typeface="Aptos" panose="020B0004020202020204" pitchFamily="34" charset="0"/>
              </a:defRPr>
            </a:lvl1pPr>
          </a:lstStyle>
          <a:p>
            <a:r>
              <a:rPr lang="nb-NO"/>
              <a:t>Klikk for å redigere tittel</a:t>
            </a:r>
          </a:p>
        </p:txBody>
      </p:sp>
      <p:pic>
        <p:nvPicPr>
          <p:cNvPr id="7" name="Bilde 6">
            <a:extLst>
              <a:ext uri="{FF2B5EF4-FFF2-40B4-BE49-F238E27FC236}">
                <a16:creationId xmlns:a16="http://schemas.microsoft.com/office/drawing/2014/main" id="{ABFD2521-1490-D72D-EE7C-8EE5F2D435B6}"/>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16" name="Plassholder for bilde 15">
            <a:extLst>
              <a:ext uri="{FF2B5EF4-FFF2-40B4-BE49-F238E27FC236}">
                <a16:creationId xmlns:a16="http://schemas.microsoft.com/office/drawing/2014/main" id="{3C56B254-A437-A010-A101-B2076D4632E2}"/>
              </a:ext>
            </a:extLst>
          </p:cNvPr>
          <p:cNvSpPr>
            <a:spLocks noGrp="1"/>
          </p:cNvSpPr>
          <p:nvPr>
            <p:ph type="pic" sz="quarter" idx="10" hasCustomPrompt="1"/>
          </p:nvPr>
        </p:nvSpPr>
        <p:spPr>
          <a:xfrm>
            <a:off x="838199" y="818284"/>
            <a:ext cx="10507114" cy="4540569"/>
          </a:xfrm>
          <a:custGeom>
            <a:avLst/>
            <a:gdLst>
              <a:gd name="connsiteX0" fmla="*/ 1170454 w 10507114"/>
              <a:gd name="connsiteY0" fmla="*/ 0 h 4540569"/>
              <a:gd name="connsiteX1" fmla="*/ 7149362 w 10507114"/>
              <a:gd name="connsiteY1" fmla="*/ 0 h 4540569"/>
              <a:gd name="connsiteX2" fmla="*/ 7373349 w 10507114"/>
              <a:gd name="connsiteY2" fmla="*/ 223851 h 4540569"/>
              <a:gd name="connsiteX3" fmla="*/ 7373349 w 10507114"/>
              <a:gd name="connsiteY3" fmla="*/ 930152 h 4540569"/>
              <a:gd name="connsiteX4" fmla="*/ 7789401 w 10507114"/>
              <a:gd name="connsiteY4" fmla="*/ 1045341 h 4540569"/>
              <a:gd name="connsiteX5" fmla="*/ 8351739 w 10507114"/>
              <a:gd name="connsiteY5" fmla="*/ 108662 h 4540569"/>
              <a:gd name="connsiteX6" fmla="*/ 8543803 w 10507114"/>
              <a:gd name="connsiteY6" fmla="*/ 0 h 4540569"/>
              <a:gd name="connsiteX7" fmla="*/ 10283127 w 10507114"/>
              <a:gd name="connsiteY7" fmla="*/ 0 h 4540569"/>
              <a:gd name="connsiteX8" fmla="*/ 10507114 w 10507114"/>
              <a:gd name="connsiteY8" fmla="*/ 223851 h 4540569"/>
              <a:gd name="connsiteX9" fmla="*/ 10507114 w 10507114"/>
              <a:gd name="connsiteY9" fmla="*/ 2740072 h 4540569"/>
              <a:gd name="connsiteX10" fmla="*/ 10475033 w 10507114"/>
              <a:gd name="connsiteY10" fmla="*/ 2855473 h 4540569"/>
              <a:gd name="connsiteX11" fmla="*/ 9525932 w 10507114"/>
              <a:gd name="connsiteY11" fmla="*/ 4432119 h 4540569"/>
              <a:gd name="connsiteX12" fmla="*/ 9334026 w 10507114"/>
              <a:gd name="connsiteY12" fmla="*/ 4540569 h 4540569"/>
              <a:gd name="connsiteX13" fmla="*/ 223987 w 10507114"/>
              <a:gd name="connsiteY13" fmla="*/ 4540569 h 4540569"/>
              <a:gd name="connsiteX14" fmla="*/ 0 w 10507114"/>
              <a:gd name="connsiteY14" fmla="*/ 4316718 h 4540569"/>
              <a:gd name="connsiteX15" fmla="*/ 0 w 10507114"/>
              <a:gd name="connsiteY15" fmla="*/ 1800392 h 4540569"/>
              <a:gd name="connsiteX16" fmla="*/ 31923 w 10507114"/>
              <a:gd name="connsiteY16" fmla="*/ 1685202 h 4540569"/>
              <a:gd name="connsiteX17" fmla="*/ 978390 w 10507114"/>
              <a:gd name="connsiteY17" fmla="*/ 108662 h 4540569"/>
              <a:gd name="connsiteX18" fmla="*/ 1170454 w 10507114"/>
              <a:gd name="connsiteY18" fmla="*/ 0 h 4540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0507114" h="4540569">
                <a:moveTo>
                  <a:pt x="1170454" y="0"/>
                </a:moveTo>
                <a:lnTo>
                  <a:pt x="7149362" y="0"/>
                </a:lnTo>
                <a:cubicBezTo>
                  <a:pt x="7273050" y="0"/>
                  <a:pt x="7373349" y="100238"/>
                  <a:pt x="7373349" y="223851"/>
                </a:cubicBezTo>
                <a:lnTo>
                  <a:pt x="7373349" y="930152"/>
                </a:lnTo>
                <a:cubicBezTo>
                  <a:pt x="7373349" y="1157214"/>
                  <a:pt x="7672508" y="1240027"/>
                  <a:pt x="7789401" y="1045341"/>
                </a:cubicBezTo>
                <a:lnTo>
                  <a:pt x="8351739" y="108662"/>
                </a:lnTo>
                <a:cubicBezTo>
                  <a:pt x="8392195" y="41275"/>
                  <a:pt x="8465101" y="0"/>
                  <a:pt x="8543803" y="0"/>
                </a:cubicBezTo>
                <a:lnTo>
                  <a:pt x="10283127" y="0"/>
                </a:lnTo>
                <a:cubicBezTo>
                  <a:pt x="10406815" y="0"/>
                  <a:pt x="10507114" y="100238"/>
                  <a:pt x="10507114" y="223851"/>
                </a:cubicBezTo>
                <a:lnTo>
                  <a:pt x="10507114" y="2740072"/>
                </a:lnTo>
                <a:cubicBezTo>
                  <a:pt x="10507114" y="2780715"/>
                  <a:pt x="10495999" y="2820621"/>
                  <a:pt x="10475033" y="2855473"/>
                </a:cubicBezTo>
                <a:lnTo>
                  <a:pt x="9525932" y="4432119"/>
                </a:lnTo>
                <a:cubicBezTo>
                  <a:pt x="9485423" y="4499400"/>
                  <a:pt x="9412622" y="4540569"/>
                  <a:pt x="9334026" y="4540569"/>
                </a:cubicBezTo>
                <a:lnTo>
                  <a:pt x="223987" y="4540569"/>
                </a:lnTo>
                <a:cubicBezTo>
                  <a:pt x="100299" y="4540569"/>
                  <a:pt x="0" y="4440331"/>
                  <a:pt x="0" y="4316718"/>
                </a:cubicBezTo>
                <a:lnTo>
                  <a:pt x="0" y="1800392"/>
                </a:lnTo>
                <a:cubicBezTo>
                  <a:pt x="0" y="1759802"/>
                  <a:pt x="11062" y="1720001"/>
                  <a:pt x="31923" y="1685202"/>
                </a:cubicBezTo>
                <a:lnTo>
                  <a:pt x="978390" y="108662"/>
                </a:lnTo>
                <a:cubicBezTo>
                  <a:pt x="1018847" y="41275"/>
                  <a:pt x="1091753" y="0"/>
                  <a:pt x="1170454" y="0"/>
                </a:cubicBezTo>
                <a:close/>
              </a:path>
            </a:pathLst>
          </a:custGeom>
        </p:spPr>
        <p:txBody>
          <a:bodyPr wrap="square" anchor="ctr">
            <a:noAutofit/>
          </a:bodyPr>
          <a:lstStyle>
            <a:lvl1pPr marL="0" indent="0" algn="ctr">
              <a:buNone/>
              <a:defRPr>
                <a:solidFill>
                  <a:schemeClr val="tx1"/>
                </a:solidFill>
              </a:defRPr>
            </a:lvl1pPr>
          </a:lstStyle>
          <a:p>
            <a:r>
              <a:rPr lang="nb-NO" dirty="0"/>
              <a:t>Klikk på ikonet </a:t>
            </a:r>
            <a:br>
              <a:rPr lang="nb-NO" dirty="0"/>
            </a:br>
            <a:r>
              <a:rPr lang="nb-NO" dirty="0"/>
              <a:t>for å legge til et bilde</a:t>
            </a:r>
          </a:p>
          <a:p>
            <a:endParaRPr lang="nb-NO" dirty="0"/>
          </a:p>
          <a:p>
            <a:endParaRPr lang="nb-NO" dirty="0"/>
          </a:p>
        </p:txBody>
      </p:sp>
      <p:pic>
        <p:nvPicPr>
          <p:cNvPr id="4" name="Bilde 2">
            <a:extLst>
              <a:ext uri="{FF2B5EF4-FFF2-40B4-BE49-F238E27FC236}">
                <a16:creationId xmlns:a16="http://schemas.microsoft.com/office/drawing/2014/main" id="{5A0FA078-A89C-90C0-5EDA-B47BB16801CC}"/>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98595273"/>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Referanse 1 (NOR)">
    <p:spTree>
      <p:nvGrpSpPr>
        <p:cNvPr id="1" name=""/>
        <p:cNvGrpSpPr/>
        <p:nvPr/>
      </p:nvGrpSpPr>
      <p:grpSpPr>
        <a:xfrm>
          <a:off x="0" y="0"/>
          <a:ext cx="0" cy="0"/>
          <a:chOff x="0" y="0"/>
          <a:chExt cx="0" cy="0"/>
        </a:xfrm>
      </p:grpSpPr>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838200" y="1440000"/>
            <a:ext cx="3019926" cy="3136214"/>
          </a:xfrm>
          <a:prstGeom prst="roundRect">
            <a:avLst>
              <a:gd name="adj" fmla="val 4964"/>
            </a:avLst>
          </a:prstGeom>
        </p:spPr>
        <p:txBody>
          <a:bodyPr anchor="ctr">
            <a:normAutofit/>
          </a:bodyPr>
          <a:lstStyle>
            <a:lvl1pPr marL="0" indent="0" algn="ctr">
              <a:buNone/>
              <a:defRPr sz="1600">
                <a:solidFill>
                  <a:schemeClr val="tx1"/>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4254391" y="1630740"/>
            <a:ext cx="7112855" cy="1518058"/>
          </a:xfrm>
        </p:spPr>
        <p:txBody>
          <a:bodyPr>
            <a:noAutofit/>
          </a:bodyPr>
          <a:lstStyle>
            <a:lvl1pPr marL="0" indent="0">
              <a:buFont typeface="Arial" panose="020B0604020202020204" pitchFamily="34" charset="0"/>
              <a:buNone/>
              <a:defRPr sz="1800">
                <a:solidFill>
                  <a:schemeClr val="tx1"/>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10515600" cy="946800"/>
          </a:xfrm>
        </p:spPr>
        <p:txBody>
          <a:bodyPr anchor="t">
            <a:noAutofit/>
          </a:bodyPr>
          <a:lstStyle>
            <a:lvl1pPr>
              <a:defRPr>
                <a:solidFill>
                  <a:schemeClr val="tx1"/>
                </a:solidFill>
                <a:latin typeface="Aptos" panose="020B0004020202020204" pitchFamily="34" charset="0"/>
              </a:defRPr>
            </a:lvl1pPr>
          </a:lstStyle>
          <a:p>
            <a:r>
              <a:rPr lang="nb-NO"/>
              <a:t>Prosjektnavn</a:t>
            </a:r>
          </a:p>
        </p:txBody>
      </p:sp>
      <p:sp>
        <p:nvSpPr>
          <p:cNvPr id="15" name="TekstSylinder 14">
            <a:extLst>
              <a:ext uri="{FF2B5EF4-FFF2-40B4-BE49-F238E27FC236}">
                <a16:creationId xmlns:a16="http://schemas.microsoft.com/office/drawing/2014/main" id="{8CE52A38-E2EF-03A4-7DC1-E599D4BA0251}"/>
              </a:ext>
            </a:extLst>
          </p:cNvPr>
          <p:cNvSpPr txBox="1"/>
          <p:nvPr userDrawn="1"/>
        </p:nvSpPr>
        <p:spPr>
          <a:xfrm>
            <a:off x="709220" y="4828601"/>
            <a:ext cx="1098000" cy="334800"/>
          </a:xfrm>
          <a:prstGeom prst="rect">
            <a:avLst/>
          </a:prstGeom>
          <a:noFill/>
        </p:spPr>
        <p:txBody>
          <a:bodyPr wrap="square" rtlCol="0" anchor="ctr">
            <a:noAutofit/>
          </a:bodyPr>
          <a:lstStyle/>
          <a:p>
            <a:r>
              <a:rPr lang="nb-NO" sz="1200" b="1" dirty="0">
                <a:solidFill>
                  <a:schemeClr val="tx1"/>
                </a:solidFill>
                <a:latin typeface="Aptos" panose="020B0004020202020204" pitchFamily="34" charset="0"/>
              </a:rPr>
              <a:t>Kunde</a:t>
            </a:r>
          </a:p>
        </p:txBody>
      </p:sp>
      <p:sp>
        <p:nvSpPr>
          <p:cNvPr id="16" name="TekstSylinder 15">
            <a:extLst>
              <a:ext uri="{FF2B5EF4-FFF2-40B4-BE49-F238E27FC236}">
                <a16:creationId xmlns:a16="http://schemas.microsoft.com/office/drawing/2014/main" id="{553DE9F8-B042-262C-8519-321F3B5E0B03}"/>
              </a:ext>
            </a:extLst>
          </p:cNvPr>
          <p:cNvSpPr txBox="1"/>
          <p:nvPr userDrawn="1"/>
        </p:nvSpPr>
        <p:spPr>
          <a:xfrm>
            <a:off x="709220" y="5252394"/>
            <a:ext cx="1098000" cy="334800"/>
          </a:xfrm>
          <a:prstGeom prst="rect">
            <a:avLst/>
          </a:prstGeom>
          <a:noFill/>
        </p:spPr>
        <p:txBody>
          <a:bodyPr wrap="square" rtlCol="0" anchor="ctr">
            <a:noAutofit/>
          </a:bodyPr>
          <a:lstStyle/>
          <a:p>
            <a:r>
              <a:rPr lang="nb-NO" sz="1200" b="1">
                <a:solidFill>
                  <a:schemeClr val="tx1"/>
                </a:solidFill>
                <a:latin typeface="Aptos" panose="020B0004020202020204" pitchFamily="34" charset="0"/>
              </a:rPr>
              <a:t>Lokasjon</a:t>
            </a:r>
          </a:p>
        </p:txBody>
      </p:sp>
      <p:sp>
        <p:nvSpPr>
          <p:cNvPr id="17" name="TekstSylinder 16">
            <a:extLst>
              <a:ext uri="{FF2B5EF4-FFF2-40B4-BE49-F238E27FC236}">
                <a16:creationId xmlns:a16="http://schemas.microsoft.com/office/drawing/2014/main" id="{EC4DF47F-C1D9-6389-5278-382D8C6D6FC9}"/>
              </a:ext>
            </a:extLst>
          </p:cNvPr>
          <p:cNvSpPr txBox="1"/>
          <p:nvPr userDrawn="1"/>
        </p:nvSpPr>
        <p:spPr>
          <a:xfrm>
            <a:off x="709220" y="5676188"/>
            <a:ext cx="1098000" cy="334800"/>
          </a:xfrm>
          <a:prstGeom prst="rect">
            <a:avLst/>
          </a:prstGeom>
          <a:noFill/>
        </p:spPr>
        <p:txBody>
          <a:bodyPr wrap="square" rtlCol="0" anchor="ctr">
            <a:noAutofit/>
          </a:bodyPr>
          <a:lstStyle/>
          <a:p>
            <a:r>
              <a:rPr lang="nb-NO" sz="1200" b="1">
                <a:solidFill>
                  <a:schemeClr val="tx1"/>
                </a:solidFill>
                <a:latin typeface="Aptos" panose="020B0004020202020204" pitchFamily="34" charset="0"/>
              </a:rPr>
              <a:t>Tidsperiode</a:t>
            </a:r>
          </a:p>
        </p:txBody>
      </p:sp>
      <p:sp>
        <p:nvSpPr>
          <p:cNvPr id="18" name="Plassholder for tekst 6">
            <a:extLst>
              <a:ext uri="{FF2B5EF4-FFF2-40B4-BE49-F238E27FC236}">
                <a16:creationId xmlns:a16="http://schemas.microsoft.com/office/drawing/2014/main" id="{F0A70BA6-B04B-5EDD-E931-4F238A049C1D}"/>
              </a:ext>
            </a:extLst>
          </p:cNvPr>
          <p:cNvSpPr>
            <a:spLocks noGrp="1"/>
          </p:cNvSpPr>
          <p:nvPr>
            <p:ph type="body" sz="quarter" idx="35" hasCustomPrompt="1"/>
          </p:nvPr>
        </p:nvSpPr>
        <p:spPr>
          <a:xfrm>
            <a:off x="1824524" y="4828601"/>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dirty="0"/>
              <a:t>Klikk for å legge til tekst	</a:t>
            </a:r>
          </a:p>
        </p:txBody>
      </p:sp>
      <p:sp>
        <p:nvSpPr>
          <p:cNvPr id="19" name="Plassholder for tekst 6">
            <a:extLst>
              <a:ext uri="{FF2B5EF4-FFF2-40B4-BE49-F238E27FC236}">
                <a16:creationId xmlns:a16="http://schemas.microsoft.com/office/drawing/2014/main" id="{4DD7287A-CFF7-4FBA-7166-3AA4D74FB221}"/>
              </a:ext>
            </a:extLst>
          </p:cNvPr>
          <p:cNvSpPr>
            <a:spLocks noGrp="1"/>
          </p:cNvSpPr>
          <p:nvPr>
            <p:ph type="body" sz="quarter" idx="36" hasCustomPrompt="1"/>
          </p:nvPr>
        </p:nvSpPr>
        <p:spPr>
          <a:xfrm>
            <a:off x="1824524" y="5252394"/>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sp>
        <p:nvSpPr>
          <p:cNvPr id="20" name="Plassholder for tekst 6">
            <a:extLst>
              <a:ext uri="{FF2B5EF4-FFF2-40B4-BE49-F238E27FC236}">
                <a16:creationId xmlns:a16="http://schemas.microsoft.com/office/drawing/2014/main" id="{B291BF4F-1CA1-C2AF-F33E-A5617C76DA3F}"/>
              </a:ext>
            </a:extLst>
          </p:cNvPr>
          <p:cNvSpPr>
            <a:spLocks noGrp="1"/>
          </p:cNvSpPr>
          <p:nvPr>
            <p:ph type="body" sz="quarter" idx="37" hasCustomPrompt="1"/>
          </p:nvPr>
        </p:nvSpPr>
        <p:spPr>
          <a:xfrm>
            <a:off x="1824524" y="5676188"/>
            <a:ext cx="2026860" cy="334800"/>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cxnSp>
        <p:nvCxnSpPr>
          <p:cNvPr id="26" name="Rett linje 25">
            <a:extLst>
              <a:ext uri="{FF2B5EF4-FFF2-40B4-BE49-F238E27FC236}">
                <a16:creationId xmlns:a16="http://schemas.microsoft.com/office/drawing/2014/main" id="{F5E072EB-6FCC-50C1-516A-538524734D9A}"/>
              </a:ext>
            </a:extLst>
          </p:cNvPr>
          <p:cNvCxnSpPr>
            <a:cxnSpLocks/>
          </p:cNvCxnSpPr>
          <p:nvPr userDrawn="1"/>
        </p:nvCxnSpPr>
        <p:spPr>
          <a:xfrm>
            <a:off x="1807010" y="47875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Rett linje 40">
            <a:extLst>
              <a:ext uri="{FF2B5EF4-FFF2-40B4-BE49-F238E27FC236}">
                <a16:creationId xmlns:a16="http://schemas.microsoft.com/office/drawing/2014/main" id="{2EB275D8-5351-4F3E-552B-2A3698B76831}"/>
              </a:ext>
            </a:extLst>
          </p:cNvPr>
          <p:cNvCxnSpPr>
            <a:cxnSpLocks/>
          </p:cNvCxnSpPr>
          <p:nvPr userDrawn="1"/>
        </p:nvCxnSpPr>
        <p:spPr>
          <a:xfrm>
            <a:off x="1807010" y="52066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Rett linje 41">
            <a:extLst>
              <a:ext uri="{FF2B5EF4-FFF2-40B4-BE49-F238E27FC236}">
                <a16:creationId xmlns:a16="http://schemas.microsoft.com/office/drawing/2014/main" id="{6FF298FB-F67D-4997-A807-D255AA72896F}"/>
              </a:ext>
            </a:extLst>
          </p:cNvPr>
          <p:cNvCxnSpPr>
            <a:cxnSpLocks/>
          </p:cNvCxnSpPr>
          <p:nvPr userDrawn="1"/>
        </p:nvCxnSpPr>
        <p:spPr>
          <a:xfrm>
            <a:off x="1807010" y="563523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44" name="TekstSylinder 43">
            <a:extLst>
              <a:ext uri="{FF2B5EF4-FFF2-40B4-BE49-F238E27FC236}">
                <a16:creationId xmlns:a16="http://schemas.microsoft.com/office/drawing/2014/main" id="{D4544379-1895-EF8F-3CE8-F5B90DC25DB6}"/>
              </a:ext>
            </a:extLst>
          </p:cNvPr>
          <p:cNvSpPr txBox="1"/>
          <p:nvPr userDrawn="1"/>
        </p:nvSpPr>
        <p:spPr>
          <a:xfrm>
            <a:off x="4254391" y="1353740"/>
            <a:ext cx="1771653" cy="276999"/>
          </a:xfrm>
          <a:prstGeom prst="rect">
            <a:avLst/>
          </a:prstGeom>
          <a:noFill/>
        </p:spPr>
        <p:txBody>
          <a:bodyPr wrap="square" rtlCol="0" anchor="ctr">
            <a:noAutofit/>
          </a:bodyPr>
          <a:lstStyle/>
          <a:p>
            <a:r>
              <a:rPr lang="nb-NO" sz="1200" b="1" dirty="0">
                <a:solidFill>
                  <a:schemeClr val="tx1"/>
                </a:solidFill>
                <a:latin typeface="Aptos" panose="020B0004020202020204" pitchFamily="34" charset="0"/>
              </a:rPr>
              <a:t>Om prosjektet</a:t>
            </a:r>
          </a:p>
        </p:txBody>
      </p:sp>
      <p:sp>
        <p:nvSpPr>
          <p:cNvPr id="47" name="Plassholder for innhold 2">
            <a:extLst>
              <a:ext uri="{FF2B5EF4-FFF2-40B4-BE49-F238E27FC236}">
                <a16:creationId xmlns:a16="http://schemas.microsoft.com/office/drawing/2014/main" id="{EF70380D-B785-2260-DA34-5A0F08A166A1}"/>
              </a:ext>
            </a:extLst>
          </p:cNvPr>
          <p:cNvSpPr>
            <a:spLocks noGrp="1"/>
          </p:cNvSpPr>
          <p:nvPr>
            <p:ph idx="38" hasCustomPrompt="1"/>
          </p:nvPr>
        </p:nvSpPr>
        <p:spPr>
          <a:xfrm>
            <a:off x="4254391" y="3530368"/>
            <a:ext cx="4275459" cy="2517090"/>
          </a:xfrm>
        </p:spPr>
        <p:txBody>
          <a:bodyPr>
            <a:noAutofit/>
          </a:bodyPr>
          <a:lstStyle>
            <a:lvl1pPr marL="0" indent="0">
              <a:spcBef>
                <a:spcPts val="600"/>
              </a:spcBef>
              <a:buFont typeface="Arial" panose="020B0604020202020204" pitchFamily="34" charset="0"/>
              <a:buNone/>
              <a:defRPr sz="1600">
                <a:solidFill>
                  <a:schemeClr val="tx1"/>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r>
              <a:rPr lang="nb-NO" dirty="0"/>
              <a:t>Klikk for å redigere tekst</a:t>
            </a:r>
          </a:p>
        </p:txBody>
      </p:sp>
      <p:sp>
        <p:nvSpPr>
          <p:cNvPr id="48" name="TekstSylinder 47">
            <a:extLst>
              <a:ext uri="{FF2B5EF4-FFF2-40B4-BE49-F238E27FC236}">
                <a16:creationId xmlns:a16="http://schemas.microsoft.com/office/drawing/2014/main" id="{DFBA4433-347B-C653-4B29-0ACED4147B80}"/>
              </a:ext>
            </a:extLst>
          </p:cNvPr>
          <p:cNvSpPr txBox="1"/>
          <p:nvPr userDrawn="1"/>
        </p:nvSpPr>
        <p:spPr>
          <a:xfrm>
            <a:off x="4254390" y="3283885"/>
            <a:ext cx="1771653" cy="276999"/>
          </a:xfrm>
          <a:prstGeom prst="rect">
            <a:avLst/>
          </a:prstGeom>
          <a:noFill/>
        </p:spPr>
        <p:txBody>
          <a:bodyPr wrap="square" rtlCol="0" anchor="ctr">
            <a:noAutofit/>
          </a:bodyPr>
          <a:lstStyle/>
          <a:p>
            <a:r>
              <a:rPr lang="nb-NO" sz="1200" b="1" dirty="0">
                <a:solidFill>
                  <a:schemeClr val="tx1"/>
                </a:solidFill>
                <a:latin typeface="Aptos" panose="020B0004020202020204" pitchFamily="34" charset="0"/>
              </a:rPr>
              <a:t>Vårt arbeidsomfang</a:t>
            </a:r>
          </a:p>
        </p:txBody>
      </p:sp>
      <p:sp>
        <p:nvSpPr>
          <p:cNvPr id="49" name="Plassholder for bilde 8">
            <a:extLst>
              <a:ext uri="{FF2B5EF4-FFF2-40B4-BE49-F238E27FC236}">
                <a16:creationId xmlns:a16="http://schemas.microsoft.com/office/drawing/2014/main" id="{E6B259FB-2F43-455F-D46F-2A775D4E69B9}"/>
              </a:ext>
            </a:extLst>
          </p:cNvPr>
          <p:cNvSpPr>
            <a:spLocks noGrp="1"/>
          </p:cNvSpPr>
          <p:nvPr>
            <p:ph type="pic" sz="quarter" idx="39" hasCustomPrompt="1"/>
          </p:nvPr>
        </p:nvSpPr>
        <p:spPr>
          <a:xfrm>
            <a:off x="8720919" y="3350871"/>
            <a:ext cx="2647280" cy="2684168"/>
          </a:xfrm>
          <a:prstGeom prst="roundRect">
            <a:avLst>
              <a:gd name="adj" fmla="val 4964"/>
            </a:avLst>
          </a:prstGeom>
        </p:spPr>
        <p:txBody>
          <a:bodyPr anchor="ctr">
            <a:normAutofit/>
          </a:bodyPr>
          <a:lstStyle>
            <a:lvl1pPr marL="0" indent="0" algn="ctr">
              <a:buNone/>
              <a:defRPr sz="1600">
                <a:solidFill>
                  <a:schemeClr val="tx1"/>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cxnSp>
        <p:nvCxnSpPr>
          <p:cNvPr id="53" name="Rett linje 52">
            <a:extLst>
              <a:ext uri="{FF2B5EF4-FFF2-40B4-BE49-F238E27FC236}">
                <a16:creationId xmlns:a16="http://schemas.microsoft.com/office/drawing/2014/main" id="{EE37323A-E9EE-C40A-5B8C-33D32D802C9F}"/>
              </a:ext>
            </a:extLst>
          </p:cNvPr>
          <p:cNvCxnSpPr>
            <a:cxnSpLocks/>
          </p:cNvCxnSpPr>
          <p:nvPr userDrawn="1"/>
        </p:nvCxnSpPr>
        <p:spPr>
          <a:xfrm>
            <a:off x="1807010" y="604746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pic>
        <p:nvPicPr>
          <p:cNvPr id="3" name="Bilde 2">
            <a:extLst>
              <a:ext uri="{FF2B5EF4-FFF2-40B4-BE49-F238E27FC236}">
                <a16:creationId xmlns:a16="http://schemas.microsoft.com/office/drawing/2014/main" id="{305DBD7F-08AE-55BD-B3D2-7C7754A1B983}"/>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909449676"/>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Referanse 1 (ENG)">
    <p:spTree>
      <p:nvGrpSpPr>
        <p:cNvPr id="1" name=""/>
        <p:cNvGrpSpPr/>
        <p:nvPr/>
      </p:nvGrpSpPr>
      <p:grpSpPr>
        <a:xfrm>
          <a:off x="0" y="0"/>
          <a:ext cx="0" cy="0"/>
          <a:chOff x="0" y="0"/>
          <a:chExt cx="0" cy="0"/>
        </a:xfrm>
      </p:grpSpPr>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838200" y="1440000"/>
            <a:ext cx="3019926" cy="3136214"/>
          </a:xfrm>
          <a:prstGeom prst="roundRect">
            <a:avLst>
              <a:gd name="adj" fmla="val 4964"/>
            </a:avLst>
          </a:prstGeom>
        </p:spPr>
        <p:txBody>
          <a:bodyPr anchor="ctr">
            <a:normAutofit/>
          </a:bodyPr>
          <a:lstStyle>
            <a:lvl1pPr marL="0" indent="0" algn="ctr">
              <a:buNone/>
              <a:defRPr sz="1600">
                <a:solidFill>
                  <a:schemeClr val="tx1"/>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4254391" y="1630740"/>
            <a:ext cx="7112855" cy="1518058"/>
          </a:xfrm>
        </p:spPr>
        <p:txBody>
          <a:bodyPr>
            <a:noAutofit/>
          </a:bodyPr>
          <a:lstStyle>
            <a:lvl1pPr marL="0" indent="0">
              <a:buFont typeface="Arial" panose="020B0604020202020204" pitchFamily="34" charset="0"/>
              <a:buNone/>
              <a:defRPr sz="1800">
                <a:solidFill>
                  <a:schemeClr val="tx1"/>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10515600" cy="946800"/>
          </a:xfrm>
        </p:spPr>
        <p:txBody>
          <a:bodyPr anchor="t">
            <a:noAutofit/>
          </a:bodyPr>
          <a:lstStyle>
            <a:lvl1pPr>
              <a:defRPr>
                <a:solidFill>
                  <a:schemeClr val="tx1"/>
                </a:solidFill>
                <a:latin typeface="Aptos" panose="020B0004020202020204" pitchFamily="34" charset="0"/>
              </a:defRPr>
            </a:lvl1pPr>
          </a:lstStyle>
          <a:p>
            <a:r>
              <a:rPr lang="nb-NO"/>
              <a:t>Prosjektnavn</a:t>
            </a:r>
          </a:p>
        </p:txBody>
      </p:sp>
      <p:sp>
        <p:nvSpPr>
          <p:cNvPr id="15" name="TekstSylinder 14">
            <a:extLst>
              <a:ext uri="{FF2B5EF4-FFF2-40B4-BE49-F238E27FC236}">
                <a16:creationId xmlns:a16="http://schemas.microsoft.com/office/drawing/2014/main" id="{8CE52A38-E2EF-03A4-7DC1-E599D4BA0251}"/>
              </a:ext>
            </a:extLst>
          </p:cNvPr>
          <p:cNvSpPr txBox="1"/>
          <p:nvPr userDrawn="1"/>
        </p:nvSpPr>
        <p:spPr>
          <a:xfrm>
            <a:off x="709220" y="4828601"/>
            <a:ext cx="1098000" cy="334800"/>
          </a:xfrm>
          <a:prstGeom prst="rect">
            <a:avLst/>
          </a:prstGeom>
          <a:noFill/>
        </p:spPr>
        <p:txBody>
          <a:bodyPr wrap="square" rtlCol="0" anchor="ctr">
            <a:noAutofit/>
          </a:bodyPr>
          <a:lstStyle/>
          <a:p>
            <a:r>
              <a:rPr lang="en-GB" sz="1200" b="1" noProof="0" dirty="0">
                <a:solidFill>
                  <a:schemeClr val="tx1"/>
                </a:solidFill>
                <a:latin typeface="Aptos" panose="020B0004020202020204" pitchFamily="34" charset="0"/>
              </a:rPr>
              <a:t>Client</a:t>
            </a:r>
          </a:p>
        </p:txBody>
      </p:sp>
      <p:sp>
        <p:nvSpPr>
          <p:cNvPr id="16" name="TekstSylinder 15">
            <a:extLst>
              <a:ext uri="{FF2B5EF4-FFF2-40B4-BE49-F238E27FC236}">
                <a16:creationId xmlns:a16="http://schemas.microsoft.com/office/drawing/2014/main" id="{553DE9F8-B042-262C-8519-321F3B5E0B03}"/>
              </a:ext>
            </a:extLst>
          </p:cNvPr>
          <p:cNvSpPr txBox="1"/>
          <p:nvPr userDrawn="1"/>
        </p:nvSpPr>
        <p:spPr>
          <a:xfrm>
            <a:off x="709220" y="5252394"/>
            <a:ext cx="1098000" cy="334800"/>
          </a:xfrm>
          <a:prstGeom prst="rect">
            <a:avLst/>
          </a:prstGeom>
          <a:noFill/>
        </p:spPr>
        <p:txBody>
          <a:bodyPr wrap="square" rtlCol="0" anchor="ctr">
            <a:noAutofit/>
          </a:bodyPr>
          <a:lstStyle/>
          <a:p>
            <a:r>
              <a:rPr lang="en-GB" sz="1200" b="1" noProof="0" dirty="0">
                <a:solidFill>
                  <a:schemeClr val="tx1"/>
                </a:solidFill>
                <a:latin typeface="Aptos" panose="020B0004020202020204" pitchFamily="34" charset="0"/>
              </a:rPr>
              <a:t>Location</a:t>
            </a:r>
          </a:p>
        </p:txBody>
      </p:sp>
      <p:sp>
        <p:nvSpPr>
          <p:cNvPr id="17" name="TekstSylinder 16">
            <a:extLst>
              <a:ext uri="{FF2B5EF4-FFF2-40B4-BE49-F238E27FC236}">
                <a16:creationId xmlns:a16="http://schemas.microsoft.com/office/drawing/2014/main" id="{EC4DF47F-C1D9-6389-5278-382D8C6D6FC9}"/>
              </a:ext>
            </a:extLst>
          </p:cNvPr>
          <p:cNvSpPr txBox="1"/>
          <p:nvPr userDrawn="1"/>
        </p:nvSpPr>
        <p:spPr>
          <a:xfrm>
            <a:off x="709220" y="5676188"/>
            <a:ext cx="1098000" cy="334800"/>
          </a:xfrm>
          <a:prstGeom prst="rect">
            <a:avLst/>
          </a:prstGeom>
          <a:noFill/>
        </p:spPr>
        <p:txBody>
          <a:bodyPr wrap="square" rtlCol="0" anchor="ctr">
            <a:noAutofit/>
          </a:bodyPr>
          <a:lstStyle/>
          <a:p>
            <a:r>
              <a:rPr lang="en-GB" sz="1200" b="1" noProof="0" dirty="0">
                <a:solidFill>
                  <a:schemeClr val="tx1"/>
                </a:solidFill>
                <a:latin typeface="Aptos" panose="020B0004020202020204" pitchFamily="34" charset="0"/>
              </a:rPr>
              <a:t>Time period</a:t>
            </a:r>
          </a:p>
        </p:txBody>
      </p:sp>
      <p:sp>
        <p:nvSpPr>
          <p:cNvPr id="18" name="Plassholder for tekst 6">
            <a:extLst>
              <a:ext uri="{FF2B5EF4-FFF2-40B4-BE49-F238E27FC236}">
                <a16:creationId xmlns:a16="http://schemas.microsoft.com/office/drawing/2014/main" id="{F0A70BA6-B04B-5EDD-E931-4F238A049C1D}"/>
              </a:ext>
            </a:extLst>
          </p:cNvPr>
          <p:cNvSpPr>
            <a:spLocks noGrp="1"/>
          </p:cNvSpPr>
          <p:nvPr>
            <p:ph type="body" sz="quarter" idx="35" hasCustomPrompt="1"/>
          </p:nvPr>
        </p:nvSpPr>
        <p:spPr>
          <a:xfrm>
            <a:off x="1824524" y="4828601"/>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dirty="0"/>
              <a:t>Klikk for å legge til tekst	</a:t>
            </a:r>
          </a:p>
        </p:txBody>
      </p:sp>
      <p:sp>
        <p:nvSpPr>
          <p:cNvPr id="19" name="Plassholder for tekst 6">
            <a:extLst>
              <a:ext uri="{FF2B5EF4-FFF2-40B4-BE49-F238E27FC236}">
                <a16:creationId xmlns:a16="http://schemas.microsoft.com/office/drawing/2014/main" id="{4DD7287A-CFF7-4FBA-7166-3AA4D74FB221}"/>
              </a:ext>
            </a:extLst>
          </p:cNvPr>
          <p:cNvSpPr>
            <a:spLocks noGrp="1"/>
          </p:cNvSpPr>
          <p:nvPr>
            <p:ph type="body" sz="quarter" idx="36" hasCustomPrompt="1"/>
          </p:nvPr>
        </p:nvSpPr>
        <p:spPr>
          <a:xfrm>
            <a:off x="1824524" y="5252394"/>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sp>
        <p:nvSpPr>
          <p:cNvPr id="20" name="Plassholder for tekst 6">
            <a:extLst>
              <a:ext uri="{FF2B5EF4-FFF2-40B4-BE49-F238E27FC236}">
                <a16:creationId xmlns:a16="http://schemas.microsoft.com/office/drawing/2014/main" id="{B291BF4F-1CA1-C2AF-F33E-A5617C76DA3F}"/>
              </a:ext>
            </a:extLst>
          </p:cNvPr>
          <p:cNvSpPr>
            <a:spLocks noGrp="1"/>
          </p:cNvSpPr>
          <p:nvPr>
            <p:ph type="body" sz="quarter" idx="37" hasCustomPrompt="1"/>
          </p:nvPr>
        </p:nvSpPr>
        <p:spPr>
          <a:xfrm>
            <a:off x="1824524" y="5676188"/>
            <a:ext cx="2026860" cy="334800"/>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cxnSp>
        <p:nvCxnSpPr>
          <p:cNvPr id="26" name="Rett linje 25">
            <a:extLst>
              <a:ext uri="{FF2B5EF4-FFF2-40B4-BE49-F238E27FC236}">
                <a16:creationId xmlns:a16="http://schemas.microsoft.com/office/drawing/2014/main" id="{F5E072EB-6FCC-50C1-516A-538524734D9A}"/>
              </a:ext>
            </a:extLst>
          </p:cNvPr>
          <p:cNvCxnSpPr>
            <a:cxnSpLocks/>
          </p:cNvCxnSpPr>
          <p:nvPr userDrawn="1"/>
        </p:nvCxnSpPr>
        <p:spPr>
          <a:xfrm>
            <a:off x="1807010" y="47875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Rett linje 40">
            <a:extLst>
              <a:ext uri="{FF2B5EF4-FFF2-40B4-BE49-F238E27FC236}">
                <a16:creationId xmlns:a16="http://schemas.microsoft.com/office/drawing/2014/main" id="{2EB275D8-5351-4F3E-552B-2A3698B76831}"/>
              </a:ext>
            </a:extLst>
          </p:cNvPr>
          <p:cNvCxnSpPr>
            <a:cxnSpLocks/>
          </p:cNvCxnSpPr>
          <p:nvPr userDrawn="1"/>
        </p:nvCxnSpPr>
        <p:spPr>
          <a:xfrm>
            <a:off x="1807010" y="52066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Rett linje 41">
            <a:extLst>
              <a:ext uri="{FF2B5EF4-FFF2-40B4-BE49-F238E27FC236}">
                <a16:creationId xmlns:a16="http://schemas.microsoft.com/office/drawing/2014/main" id="{6FF298FB-F67D-4997-A807-D255AA72896F}"/>
              </a:ext>
            </a:extLst>
          </p:cNvPr>
          <p:cNvCxnSpPr>
            <a:cxnSpLocks/>
          </p:cNvCxnSpPr>
          <p:nvPr userDrawn="1"/>
        </p:nvCxnSpPr>
        <p:spPr>
          <a:xfrm>
            <a:off x="1807010" y="563523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44" name="TekstSylinder 43">
            <a:extLst>
              <a:ext uri="{FF2B5EF4-FFF2-40B4-BE49-F238E27FC236}">
                <a16:creationId xmlns:a16="http://schemas.microsoft.com/office/drawing/2014/main" id="{D4544379-1895-EF8F-3CE8-F5B90DC25DB6}"/>
              </a:ext>
            </a:extLst>
          </p:cNvPr>
          <p:cNvSpPr txBox="1"/>
          <p:nvPr userDrawn="1"/>
        </p:nvSpPr>
        <p:spPr>
          <a:xfrm>
            <a:off x="4254391" y="1353740"/>
            <a:ext cx="1771653" cy="276999"/>
          </a:xfrm>
          <a:prstGeom prst="rect">
            <a:avLst/>
          </a:prstGeom>
          <a:noFill/>
        </p:spPr>
        <p:txBody>
          <a:bodyPr wrap="square" rtlCol="0" anchor="ctr">
            <a:noAutofit/>
          </a:bodyPr>
          <a:lstStyle/>
          <a:p>
            <a:r>
              <a:rPr lang="en-GB" sz="1200" b="1" noProof="0" dirty="0">
                <a:solidFill>
                  <a:schemeClr val="tx1"/>
                </a:solidFill>
                <a:latin typeface="Aptos" panose="020B0004020202020204" pitchFamily="34" charset="0"/>
              </a:rPr>
              <a:t>About the project</a:t>
            </a:r>
          </a:p>
        </p:txBody>
      </p:sp>
      <p:sp>
        <p:nvSpPr>
          <p:cNvPr id="47" name="Plassholder for innhold 2">
            <a:extLst>
              <a:ext uri="{FF2B5EF4-FFF2-40B4-BE49-F238E27FC236}">
                <a16:creationId xmlns:a16="http://schemas.microsoft.com/office/drawing/2014/main" id="{EF70380D-B785-2260-DA34-5A0F08A166A1}"/>
              </a:ext>
            </a:extLst>
          </p:cNvPr>
          <p:cNvSpPr>
            <a:spLocks noGrp="1"/>
          </p:cNvSpPr>
          <p:nvPr>
            <p:ph idx="38" hasCustomPrompt="1"/>
          </p:nvPr>
        </p:nvSpPr>
        <p:spPr>
          <a:xfrm>
            <a:off x="4254391" y="3530368"/>
            <a:ext cx="4275459" cy="2517090"/>
          </a:xfrm>
        </p:spPr>
        <p:txBody>
          <a:bodyPr>
            <a:noAutofit/>
          </a:bodyPr>
          <a:lstStyle>
            <a:lvl1pPr marL="0" indent="0">
              <a:spcBef>
                <a:spcPts val="600"/>
              </a:spcBef>
              <a:buFont typeface="Arial" panose="020B0604020202020204" pitchFamily="34" charset="0"/>
              <a:buNone/>
              <a:defRPr sz="1600">
                <a:solidFill>
                  <a:schemeClr val="tx1"/>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r>
              <a:rPr lang="nb-NO" dirty="0"/>
              <a:t>Klikk for å redigere tekst</a:t>
            </a:r>
          </a:p>
        </p:txBody>
      </p:sp>
      <p:sp>
        <p:nvSpPr>
          <p:cNvPr id="48" name="TekstSylinder 47">
            <a:extLst>
              <a:ext uri="{FF2B5EF4-FFF2-40B4-BE49-F238E27FC236}">
                <a16:creationId xmlns:a16="http://schemas.microsoft.com/office/drawing/2014/main" id="{DFBA4433-347B-C653-4B29-0ACED4147B80}"/>
              </a:ext>
            </a:extLst>
          </p:cNvPr>
          <p:cNvSpPr txBox="1"/>
          <p:nvPr userDrawn="1"/>
        </p:nvSpPr>
        <p:spPr>
          <a:xfrm>
            <a:off x="4254390" y="3283885"/>
            <a:ext cx="1771653" cy="276999"/>
          </a:xfrm>
          <a:prstGeom prst="rect">
            <a:avLst/>
          </a:prstGeom>
          <a:noFill/>
        </p:spPr>
        <p:txBody>
          <a:bodyPr wrap="square" rtlCol="0" anchor="ctr">
            <a:noAutofit/>
          </a:bodyPr>
          <a:lstStyle/>
          <a:p>
            <a:r>
              <a:rPr lang="en-GB" sz="1200" b="1" noProof="0" dirty="0">
                <a:solidFill>
                  <a:schemeClr val="tx1"/>
                </a:solidFill>
                <a:latin typeface="Aptos" panose="020B0004020202020204" pitchFamily="34" charset="0"/>
              </a:rPr>
              <a:t>Our scope of work</a:t>
            </a:r>
          </a:p>
        </p:txBody>
      </p:sp>
      <p:sp>
        <p:nvSpPr>
          <p:cNvPr id="49" name="Plassholder for bilde 8">
            <a:extLst>
              <a:ext uri="{FF2B5EF4-FFF2-40B4-BE49-F238E27FC236}">
                <a16:creationId xmlns:a16="http://schemas.microsoft.com/office/drawing/2014/main" id="{E6B259FB-2F43-455F-D46F-2A775D4E69B9}"/>
              </a:ext>
            </a:extLst>
          </p:cNvPr>
          <p:cNvSpPr>
            <a:spLocks noGrp="1"/>
          </p:cNvSpPr>
          <p:nvPr>
            <p:ph type="pic" sz="quarter" idx="39" hasCustomPrompt="1"/>
          </p:nvPr>
        </p:nvSpPr>
        <p:spPr>
          <a:xfrm>
            <a:off x="8720919" y="3350871"/>
            <a:ext cx="2647280" cy="2684168"/>
          </a:xfrm>
          <a:prstGeom prst="roundRect">
            <a:avLst>
              <a:gd name="adj" fmla="val 4964"/>
            </a:avLst>
          </a:prstGeom>
        </p:spPr>
        <p:txBody>
          <a:bodyPr anchor="ctr">
            <a:normAutofit/>
          </a:bodyPr>
          <a:lstStyle>
            <a:lvl1pPr marL="0" indent="0" algn="ctr">
              <a:buNone/>
              <a:defRPr sz="1600">
                <a:solidFill>
                  <a:schemeClr val="tx1"/>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cxnSp>
        <p:nvCxnSpPr>
          <p:cNvPr id="53" name="Rett linje 52">
            <a:extLst>
              <a:ext uri="{FF2B5EF4-FFF2-40B4-BE49-F238E27FC236}">
                <a16:creationId xmlns:a16="http://schemas.microsoft.com/office/drawing/2014/main" id="{EE37323A-E9EE-C40A-5B8C-33D32D802C9F}"/>
              </a:ext>
            </a:extLst>
          </p:cNvPr>
          <p:cNvCxnSpPr>
            <a:cxnSpLocks/>
          </p:cNvCxnSpPr>
          <p:nvPr userDrawn="1"/>
        </p:nvCxnSpPr>
        <p:spPr>
          <a:xfrm>
            <a:off x="1807010" y="604746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pic>
        <p:nvPicPr>
          <p:cNvPr id="3" name="Bilde 2">
            <a:extLst>
              <a:ext uri="{FF2B5EF4-FFF2-40B4-BE49-F238E27FC236}">
                <a16:creationId xmlns:a16="http://schemas.microsoft.com/office/drawing/2014/main" id="{2A182E08-839A-7325-0CEC-33CF8A90B3E4}"/>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1907916279"/>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Referanse 2 (NOR)">
    <p:spTree>
      <p:nvGrpSpPr>
        <p:cNvPr id="1" name=""/>
        <p:cNvGrpSpPr/>
        <p:nvPr/>
      </p:nvGrpSpPr>
      <p:grpSpPr>
        <a:xfrm>
          <a:off x="0" y="0"/>
          <a:ext cx="0" cy="0"/>
          <a:chOff x="0" y="0"/>
          <a:chExt cx="0" cy="0"/>
        </a:xfrm>
      </p:grpSpPr>
      <p:pic>
        <p:nvPicPr>
          <p:cNvPr id="3" name="Bilde 2">
            <a:extLst>
              <a:ext uri="{FF2B5EF4-FFF2-40B4-BE49-F238E27FC236}">
                <a16:creationId xmlns:a16="http://schemas.microsoft.com/office/drawing/2014/main" id="{49A0B446-B6E3-5FD2-D0D8-C911E1B976F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0" y="3032232"/>
            <a:ext cx="12192000" cy="3825767"/>
          </a:xfrm>
          <a:prstGeom prst="roundRect">
            <a:avLst>
              <a:gd name="adj" fmla="val 0"/>
            </a:avLst>
          </a:prstGeom>
        </p:spPr>
        <p:txBody>
          <a:bodyPr anchor="ctr">
            <a:normAutofit/>
          </a:bodyPr>
          <a:lstStyle>
            <a:lvl1pPr marL="0" indent="0" algn="ctr">
              <a:buNone/>
              <a:defRPr sz="2400">
                <a:solidFill>
                  <a:schemeClr val="tx1"/>
                </a:solidFill>
                <a:latin typeface="Aptos" panose="020B0004020202020204" pitchFamily="34" charset="0"/>
              </a:defRPr>
            </a:lvl1pPr>
          </a:lstStyle>
          <a:p>
            <a:r>
              <a:rPr lang="nb-NO" dirty="0"/>
              <a:t>Klikk på ikonet for å legge til et bilde</a:t>
            </a:r>
          </a:p>
          <a:p>
            <a:r>
              <a:rPr lang="nb-NO" dirty="0"/>
              <a:t> </a:t>
            </a:r>
          </a:p>
        </p:txBody>
      </p:sp>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838200" y="1440000"/>
            <a:ext cx="7243119" cy="1386970"/>
          </a:xfrm>
        </p:spPr>
        <p:txBody>
          <a:bodyPr>
            <a:noAutofit/>
          </a:bodyPr>
          <a:lstStyle>
            <a:lvl1pPr marL="0" indent="0">
              <a:buFont typeface="Arial" panose="020B0604020202020204" pitchFamily="34" charset="0"/>
              <a:buNone/>
              <a:defRPr sz="1800">
                <a:solidFill>
                  <a:schemeClr val="tx1"/>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10515600" cy="946800"/>
          </a:xfrm>
        </p:spPr>
        <p:txBody>
          <a:bodyPr anchor="t">
            <a:noAutofit/>
          </a:bodyPr>
          <a:lstStyle>
            <a:lvl1pPr>
              <a:defRPr>
                <a:solidFill>
                  <a:schemeClr val="tx1"/>
                </a:solidFill>
                <a:latin typeface="Aptos" panose="020B0004020202020204" pitchFamily="34" charset="0"/>
              </a:defRPr>
            </a:lvl1pPr>
          </a:lstStyle>
          <a:p>
            <a:r>
              <a:rPr lang="nb-NO"/>
              <a:t>Prosjektnavn</a:t>
            </a:r>
          </a:p>
        </p:txBody>
      </p:sp>
      <p:sp>
        <p:nvSpPr>
          <p:cNvPr id="15" name="TekstSylinder 14">
            <a:extLst>
              <a:ext uri="{FF2B5EF4-FFF2-40B4-BE49-F238E27FC236}">
                <a16:creationId xmlns:a16="http://schemas.microsoft.com/office/drawing/2014/main" id="{8CE52A38-E2EF-03A4-7DC1-E599D4BA0251}"/>
              </a:ext>
            </a:extLst>
          </p:cNvPr>
          <p:cNvSpPr txBox="1"/>
          <p:nvPr userDrawn="1"/>
        </p:nvSpPr>
        <p:spPr>
          <a:xfrm>
            <a:off x="8211636" y="1437617"/>
            <a:ext cx="1098000" cy="334800"/>
          </a:xfrm>
          <a:prstGeom prst="rect">
            <a:avLst/>
          </a:prstGeom>
          <a:noFill/>
        </p:spPr>
        <p:txBody>
          <a:bodyPr wrap="square" rtlCol="0" anchor="ctr">
            <a:noAutofit/>
          </a:bodyPr>
          <a:lstStyle/>
          <a:p>
            <a:r>
              <a:rPr lang="nb-NO" sz="1200" b="1" dirty="0">
                <a:solidFill>
                  <a:schemeClr val="tx1"/>
                </a:solidFill>
                <a:latin typeface="Aptos" panose="020B0004020202020204" pitchFamily="34" charset="0"/>
              </a:rPr>
              <a:t>Kunde</a:t>
            </a:r>
          </a:p>
        </p:txBody>
      </p:sp>
      <p:sp>
        <p:nvSpPr>
          <p:cNvPr id="16" name="TekstSylinder 15">
            <a:extLst>
              <a:ext uri="{FF2B5EF4-FFF2-40B4-BE49-F238E27FC236}">
                <a16:creationId xmlns:a16="http://schemas.microsoft.com/office/drawing/2014/main" id="{553DE9F8-B042-262C-8519-321F3B5E0B03}"/>
              </a:ext>
            </a:extLst>
          </p:cNvPr>
          <p:cNvSpPr txBox="1"/>
          <p:nvPr userDrawn="1"/>
        </p:nvSpPr>
        <p:spPr>
          <a:xfrm>
            <a:off x="8211636" y="1861410"/>
            <a:ext cx="1098000" cy="334800"/>
          </a:xfrm>
          <a:prstGeom prst="rect">
            <a:avLst/>
          </a:prstGeom>
          <a:noFill/>
        </p:spPr>
        <p:txBody>
          <a:bodyPr wrap="square" rtlCol="0" anchor="ctr">
            <a:noAutofit/>
          </a:bodyPr>
          <a:lstStyle/>
          <a:p>
            <a:r>
              <a:rPr lang="nb-NO" sz="1200" b="1">
                <a:solidFill>
                  <a:schemeClr val="tx1"/>
                </a:solidFill>
                <a:latin typeface="Aptos" panose="020B0004020202020204" pitchFamily="34" charset="0"/>
              </a:rPr>
              <a:t>Lokasjon</a:t>
            </a:r>
          </a:p>
        </p:txBody>
      </p:sp>
      <p:sp>
        <p:nvSpPr>
          <p:cNvPr id="17" name="TekstSylinder 16">
            <a:extLst>
              <a:ext uri="{FF2B5EF4-FFF2-40B4-BE49-F238E27FC236}">
                <a16:creationId xmlns:a16="http://schemas.microsoft.com/office/drawing/2014/main" id="{EC4DF47F-C1D9-6389-5278-382D8C6D6FC9}"/>
              </a:ext>
            </a:extLst>
          </p:cNvPr>
          <p:cNvSpPr txBox="1"/>
          <p:nvPr userDrawn="1"/>
        </p:nvSpPr>
        <p:spPr>
          <a:xfrm>
            <a:off x="8211636" y="2285204"/>
            <a:ext cx="1098000" cy="334800"/>
          </a:xfrm>
          <a:prstGeom prst="rect">
            <a:avLst/>
          </a:prstGeom>
          <a:noFill/>
        </p:spPr>
        <p:txBody>
          <a:bodyPr wrap="square" rtlCol="0" anchor="ctr">
            <a:noAutofit/>
          </a:bodyPr>
          <a:lstStyle/>
          <a:p>
            <a:r>
              <a:rPr lang="nb-NO" sz="1200" b="1">
                <a:solidFill>
                  <a:schemeClr val="tx1"/>
                </a:solidFill>
                <a:latin typeface="Aptos" panose="020B0004020202020204" pitchFamily="34" charset="0"/>
              </a:rPr>
              <a:t>Tidsperiode</a:t>
            </a:r>
          </a:p>
        </p:txBody>
      </p:sp>
      <p:sp>
        <p:nvSpPr>
          <p:cNvPr id="18" name="Plassholder for tekst 6">
            <a:extLst>
              <a:ext uri="{FF2B5EF4-FFF2-40B4-BE49-F238E27FC236}">
                <a16:creationId xmlns:a16="http://schemas.microsoft.com/office/drawing/2014/main" id="{F0A70BA6-B04B-5EDD-E931-4F238A049C1D}"/>
              </a:ext>
            </a:extLst>
          </p:cNvPr>
          <p:cNvSpPr>
            <a:spLocks noGrp="1"/>
          </p:cNvSpPr>
          <p:nvPr>
            <p:ph type="body" sz="quarter" idx="35" hasCustomPrompt="1"/>
          </p:nvPr>
        </p:nvSpPr>
        <p:spPr>
          <a:xfrm>
            <a:off x="9326940" y="1437617"/>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dirty="0"/>
              <a:t>Klikk for å legge til tekst	</a:t>
            </a:r>
          </a:p>
        </p:txBody>
      </p:sp>
      <p:sp>
        <p:nvSpPr>
          <p:cNvPr id="19" name="Plassholder for tekst 6">
            <a:extLst>
              <a:ext uri="{FF2B5EF4-FFF2-40B4-BE49-F238E27FC236}">
                <a16:creationId xmlns:a16="http://schemas.microsoft.com/office/drawing/2014/main" id="{4DD7287A-CFF7-4FBA-7166-3AA4D74FB221}"/>
              </a:ext>
            </a:extLst>
          </p:cNvPr>
          <p:cNvSpPr>
            <a:spLocks noGrp="1"/>
          </p:cNvSpPr>
          <p:nvPr>
            <p:ph type="body" sz="quarter" idx="36" hasCustomPrompt="1"/>
          </p:nvPr>
        </p:nvSpPr>
        <p:spPr>
          <a:xfrm>
            <a:off x="9326940" y="1861410"/>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sp>
        <p:nvSpPr>
          <p:cNvPr id="20" name="Plassholder for tekst 6">
            <a:extLst>
              <a:ext uri="{FF2B5EF4-FFF2-40B4-BE49-F238E27FC236}">
                <a16:creationId xmlns:a16="http://schemas.microsoft.com/office/drawing/2014/main" id="{B291BF4F-1CA1-C2AF-F33E-A5617C76DA3F}"/>
              </a:ext>
            </a:extLst>
          </p:cNvPr>
          <p:cNvSpPr>
            <a:spLocks noGrp="1"/>
          </p:cNvSpPr>
          <p:nvPr>
            <p:ph type="body" sz="quarter" idx="37" hasCustomPrompt="1"/>
          </p:nvPr>
        </p:nvSpPr>
        <p:spPr>
          <a:xfrm>
            <a:off x="9326940" y="2285204"/>
            <a:ext cx="2026860" cy="334800"/>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cxnSp>
        <p:nvCxnSpPr>
          <p:cNvPr id="26" name="Rett linje 25">
            <a:extLst>
              <a:ext uri="{FF2B5EF4-FFF2-40B4-BE49-F238E27FC236}">
                <a16:creationId xmlns:a16="http://schemas.microsoft.com/office/drawing/2014/main" id="{F5E072EB-6FCC-50C1-516A-538524734D9A}"/>
              </a:ext>
            </a:extLst>
          </p:cNvPr>
          <p:cNvCxnSpPr>
            <a:cxnSpLocks/>
          </p:cNvCxnSpPr>
          <p:nvPr userDrawn="1"/>
        </p:nvCxnSpPr>
        <p:spPr>
          <a:xfrm>
            <a:off x="9309426" y="1396522"/>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Rett linje 40">
            <a:extLst>
              <a:ext uri="{FF2B5EF4-FFF2-40B4-BE49-F238E27FC236}">
                <a16:creationId xmlns:a16="http://schemas.microsoft.com/office/drawing/2014/main" id="{2EB275D8-5351-4F3E-552B-2A3698B76831}"/>
              </a:ext>
            </a:extLst>
          </p:cNvPr>
          <p:cNvCxnSpPr>
            <a:cxnSpLocks/>
          </p:cNvCxnSpPr>
          <p:nvPr userDrawn="1"/>
        </p:nvCxnSpPr>
        <p:spPr>
          <a:xfrm>
            <a:off x="9309426" y="1815622"/>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Rett linje 41">
            <a:extLst>
              <a:ext uri="{FF2B5EF4-FFF2-40B4-BE49-F238E27FC236}">
                <a16:creationId xmlns:a16="http://schemas.microsoft.com/office/drawing/2014/main" id="{6FF298FB-F67D-4997-A807-D255AA72896F}"/>
              </a:ext>
            </a:extLst>
          </p:cNvPr>
          <p:cNvCxnSpPr>
            <a:cxnSpLocks/>
          </p:cNvCxnSpPr>
          <p:nvPr userDrawn="1"/>
        </p:nvCxnSpPr>
        <p:spPr>
          <a:xfrm>
            <a:off x="9309426" y="2244247"/>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3" name="Rett linje 52">
            <a:extLst>
              <a:ext uri="{FF2B5EF4-FFF2-40B4-BE49-F238E27FC236}">
                <a16:creationId xmlns:a16="http://schemas.microsoft.com/office/drawing/2014/main" id="{EE37323A-E9EE-C40A-5B8C-33D32D802C9F}"/>
              </a:ext>
            </a:extLst>
          </p:cNvPr>
          <p:cNvCxnSpPr>
            <a:cxnSpLocks/>
          </p:cNvCxnSpPr>
          <p:nvPr userDrawn="1"/>
        </p:nvCxnSpPr>
        <p:spPr>
          <a:xfrm>
            <a:off x="9309426" y="2656477"/>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27239355"/>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Referanse 2 (ENG)">
    <p:spTree>
      <p:nvGrpSpPr>
        <p:cNvPr id="1" name=""/>
        <p:cNvGrpSpPr/>
        <p:nvPr/>
      </p:nvGrpSpPr>
      <p:grpSpPr>
        <a:xfrm>
          <a:off x="0" y="0"/>
          <a:ext cx="0" cy="0"/>
          <a:chOff x="0" y="0"/>
          <a:chExt cx="0" cy="0"/>
        </a:xfrm>
      </p:grpSpPr>
      <p:pic>
        <p:nvPicPr>
          <p:cNvPr id="3" name="Bilde 2">
            <a:extLst>
              <a:ext uri="{FF2B5EF4-FFF2-40B4-BE49-F238E27FC236}">
                <a16:creationId xmlns:a16="http://schemas.microsoft.com/office/drawing/2014/main" id="{C6AE2864-F793-824B-0459-FBB1AE6C9541}"/>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0" y="3032232"/>
            <a:ext cx="12192000" cy="3825767"/>
          </a:xfrm>
          <a:prstGeom prst="roundRect">
            <a:avLst>
              <a:gd name="adj" fmla="val 0"/>
            </a:avLst>
          </a:prstGeom>
        </p:spPr>
        <p:txBody>
          <a:bodyPr anchor="ctr">
            <a:normAutofit/>
          </a:bodyPr>
          <a:lstStyle>
            <a:lvl1pPr marL="0" indent="0" algn="ctr">
              <a:buNone/>
              <a:defRPr sz="2400">
                <a:solidFill>
                  <a:schemeClr val="tx1"/>
                </a:solidFill>
                <a:latin typeface="Aptos" panose="020B0004020202020204" pitchFamily="34" charset="0"/>
              </a:defRPr>
            </a:lvl1pPr>
          </a:lstStyle>
          <a:p>
            <a:r>
              <a:rPr lang="nb-NO" dirty="0"/>
              <a:t>Klikk på ikonet for å legge til et bilde</a:t>
            </a:r>
          </a:p>
          <a:p>
            <a:r>
              <a:rPr lang="nb-NO" dirty="0"/>
              <a:t> </a:t>
            </a:r>
          </a:p>
        </p:txBody>
      </p:sp>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838200" y="1440000"/>
            <a:ext cx="7243119" cy="1386970"/>
          </a:xfrm>
        </p:spPr>
        <p:txBody>
          <a:bodyPr>
            <a:noAutofit/>
          </a:bodyPr>
          <a:lstStyle>
            <a:lvl1pPr marL="0" indent="0">
              <a:buFont typeface="Arial" panose="020B0604020202020204" pitchFamily="34" charset="0"/>
              <a:buNone/>
              <a:defRPr sz="1800">
                <a:solidFill>
                  <a:schemeClr val="tx1"/>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10515600" cy="946800"/>
          </a:xfrm>
        </p:spPr>
        <p:txBody>
          <a:bodyPr anchor="t">
            <a:noAutofit/>
          </a:bodyPr>
          <a:lstStyle>
            <a:lvl1pPr>
              <a:defRPr>
                <a:solidFill>
                  <a:schemeClr val="tx1"/>
                </a:solidFill>
                <a:latin typeface="Aptos" panose="020B0004020202020204" pitchFamily="34" charset="0"/>
              </a:defRPr>
            </a:lvl1pPr>
          </a:lstStyle>
          <a:p>
            <a:r>
              <a:rPr lang="nb-NO"/>
              <a:t>Prosjektnavn</a:t>
            </a:r>
          </a:p>
        </p:txBody>
      </p:sp>
      <p:sp>
        <p:nvSpPr>
          <p:cNvPr id="15" name="TekstSylinder 14">
            <a:extLst>
              <a:ext uri="{FF2B5EF4-FFF2-40B4-BE49-F238E27FC236}">
                <a16:creationId xmlns:a16="http://schemas.microsoft.com/office/drawing/2014/main" id="{8CE52A38-E2EF-03A4-7DC1-E599D4BA0251}"/>
              </a:ext>
            </a:extLst>
          </p:cNvPr>
          <p:cNvSpPr txBox="1"/>
          <p:nvPr userDrawn="1"/>
        </p:nvSpPr>
        <p:spPr>
          <a:xfrm>
            <a:off x="8211636" y="1437617"/>
            <a:ext cx="1098000" cy="334800"/>
          </a:xfrm>
          <a:prstGeom prst="rect">
            <a:avLst/>
          </a:prstGeom>
          <a:noFill/>
        </p:spPr>
        <p:txBody>
          <a:bodyPr wrap="square" rtlCol="0" anchor="ctr">
            <a:noAutofit/>
          </a:bodyPr>
          <a:lstStyle/>
          <a:p>
            <a:r>
              <a:rPr lang="en-GB" sz="1200" b="1" noProof="0" dirty="0">
                <a:solidFill>
                  <a:schemeClr val="tx1"/>
                </a:solidFill>
                <a:latin typeface="Aptos" panose="020B0004020202020204" pitchFamily="34" charset="0"/>
              </a:rPr>
              <a:t>Client</a:t>
            </a:r>
          </a:p>
        </p:txBody>
      </p:sp>
      <p:sp>
        <p:nvSpPr>
          <p:cNvPr id="16" name="TekstSylinder 15">
            <a:extLst>
              <a:ext uri="{FF2B5EF4-FFF2-40B4-BE49-F238E27FC236}">
                <a16:creationId xmlns:a16="http://schemas.microsoft.com/office/drawing/2014/main" id="{553DE9F8-B042-262C-8519-321F3B5E0B03}"/>
              </a:ext>
            </a:extLst>
          </p:cNvPr>
          <p:cNvSpPr txBox="1"/>
          <p:nvPr userDrawn="1"/>
        </p:nvSpPr>
        <p:spPr>
          <a:xfrm>
            <a:off x="8211636" y="1861410"/>
            <a:ext cx="1098000" cy="334800"/>
          </a:xfrm>
          <a:prstGeom prst="rect">
            <a:avLst/>
          </a:prstGeom>
          <a:noFill/>
        </p:spPr>
        <p:txBody>
          <a:bodyPr wrap="square" rtlCol="0" anchor="ctr">
            <a:noAutofit/>
          </a:bodyPr>
          <a:lstStyle/>
          <a:p>
            <a:r>
              <a:rPr lang="en-GB" sz="1200" b="1" noProof="0" dirty="0">
                <a:solidFill>
                  <a:schemeClr val="tx1"/>
                </a:solidFill>
                <a:latin typeface="Aptos" panose="020B0004020202020204" pitchFamily="34" charset="0"/>
              </a:rPr>
              <a:t>Location</a:t>
            </a:r>
          </a:p>
        </p:txBody>
      </p:sp>
      <p:sp>
        <p:nvSpPr>
          <p:cNvPr id="17" name="TekstSylinder 16">
            <a:extLst>
              <a:ext uri="{FF2B5EF4-FFF2-40B4-BE49-F238E27FC236}">
                <a16:creationId xmlns:a16="http://schemas.microsoft.com/office/drawing/2014/main" id="{EC4DF47F-C1D9-6389-5278-382D8C6D6FC9}"/>
              </a:ext>
            </a:extLst>
          </p:cNvPr>
          <p:cNvSpPr txBox="1"/>
          <p:nvPr userDrawn="1"/>
        </p:nvSpPr>
        <p:spPr>
          <a:xfrm>
            <a:off x="8211636" y="2285204"/>
            <a:ext cx="1098000" cy="334800"/>
          </a:xfrm>
          <a:prstGeom prst="rect">
            <a:avLst/>
          </a:prstGeom>
          <a:noFill/>
        </p:spPr>
        <p:txBody>
          <a:bodyPr wrap="square" rtlCol="0" anchor="ctr">
            <a:noAutofit/>
          </a:bodyPr>
          <a:lstStyle/>
          <a:p>
            <a:r>
              <a:rPr lang="en-GB" sz="1200" b="1" noProof="0" dirty="0">
                <a:solidFill>
                  <a:schemeClr val="tx1"/>
                </a:solidFill>
                <a:latin typeface="Aptos" panose="020B0004020202020204" pitchFamily="34" charset="0"/>
              </a:rPr>
              <a:t>Time period</a:t>
            </a:r>
          </a:p>
        </p:txBody>
      </p:sp>
      <p:sp>
        <p:nvSpPr>
          <p:cNvPr id="18" name="Plassholder for tekst 6">
            <a:extLst>
              <a:ext uri="{FF2B5EF4-FFF2-40B4-BE49-F238E27FC236}">
                <a16:creationId xmlns:a16="http://schemas.microsoft.com/office/drawing/2014/main" id="{F0A70BA6-B04B-5EDD-E931-4F238A049C1D}"/>
              </a:ext>
            </a:extLst>
          </p:cNvPr>
          <p:cNvSpPr>
            <a:spLocks noGrp="1"/>
          </p:cNvSpPr>
          <p:nvPr>
            <p:ph type="body" sz="quarter" idx="35" hasCustomPrompt="1"/>
          </p:nvPr>
        </p:nvSpPr>
        <p:spPr>
          <a:xfrm>
            <a:off x="9326940" y="1437617"/>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dirty="0"/>
              <a:t>Klikk for å legge til tekst	</a:t>
            </a:r>
          </a:p>
        </p:txBody>
      </p:sp>
      <p:sp>
        <p:nvSpPr>
          <p:cNvPr id="19" name="Plassholder for tekst 6">
            <a:extLst>
              <a:ext uri="{FF2B5EF4-FFF2-40B4-BE49-F238E27FC236}">
                <a16:creationId xmlns:a16="http://schemas.microsoft.com/office/drawing/2014/main" id="{4DD7287A-CFF7-4FBA-7166-3AA4D74FB221}"/>
              </a:ext>
            </a:extLst>
          </p:cNvPr>
          <p:cNvSpPr>
            <a:spLocks noGrp="1"/>
          </p:cNvSpPr>
          <p:nvPr>
            <p:ph type="body" sz="quarter" idx="36" hasCustomPrompt="1"/>
          </p:nvPr>
        </p:nvSpPr>
        <p:spPr>
          <a:xfrm>
            <a:off x="9326940" y="1861410"/>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sp>
        <p:nvSpPr>
          <p:cNvPr id="20" name="Plassholder for tekst 6">
            <a:extLst>
              <a:ext uri="{FF2B5EF4-FFF2-40B4-BE49-F238E27FC236}">
                <a16:creationId xmlns:a16="http://schemas.microsoft.com/office/drawing/2014/main" id="{B291BF4F-1CA1-C2AF-F33E-A5617C76DA3F}"/>
              </a:ext>
            </a:extLst>
          </p:cNvPr>
          <p:cNvSpPr>
            <a:spLocks noGrp="1"/>
          </p:cNvSpPr>
          <p:nvPr>
            <p:ph type="body" sz="quarter" idx="37" hasCustomPrompt="1"/>
          </p:nvPr>
        </p:nvSpPr>
        <p:spPr>
          <a:xfrm>
            <a:off x="9326940" y="2285204"/>
            <a:ext cx="2026860" cy="334800"/>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cxnSp>
        <p:nvCxnSpPr>
          <p:cNvPr id="26" name="Rett linje 25">
            <a:extLst>
              <a:ext uri="{FF2B5EF4-FFF2-40B4-BE49-F238E27FC236}">
                <a16:creationId xmlns:a16="http://schemas.microsoft.com/office/drawing/2014/main" id="{F5E072EB-6FCC-50C1-516A-538524734D9A}"/>
              </a:ext>
            </a:extLst>
          </p:cNvPr>
          <p:cNvCxnSpPr>
            <a:cxnSpLocks/>
          </p:cNvCxnSpPr>
          <p:nvPr userDrawn="1"/>
        </p:nvCxnSpPr>
        <p:spPr>
          <a:xfrm>
            <a:off x="9309426" y="1396522"/>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Rett linje 40">
            <a:extLst>
              <a:ext uri="{FF2B5EF4-FFF2-40B4-BE49-F238E27FC236}">
                <a16:creationId xmlns:a16="http://schemas.microsoft.com/office/drawing/2014/main" id="{2EB275D8-5351-4F3E-552B-2A3698B76831}"/>
              </a:ext>
            </a:extLst>
          </p:cNvPr>
          <p:cNvCxnSpPr>
            <a:cxnSpLocks/>
          </p:cNvCxnSpPr>
          <p:nvPr userDrawn="1"/>
        </p:nvCxnSpPr>
        <p:spPr>
          <a:xfrm>
            <a:off x="9309426" y="1815622"/>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Rett linje 41">
            <a:extLst>
              <a:ext uri="{FF2B5EF4-FFF2-40B4-BE49-F238E27FC236}">
                <a16:creationId xmlns:a16="http://schemas.microsoft.com/office/drawing/2014/main" id="{6FF298FB-F67D-4997-A807-D255AA72896F}"/>
              </a:ext>
            </a:extLst>
          </p:cNvPr>
          <p:cNvCxnSpPr>
            <a:cxnSpLocks/>
          </p:cNvCxnSpPr>
          <p:nvPr userDrawn="1"/>
        </p:nvCxnSpPr>
        <p:spPr>
          <a:xfrm>
            <a:off x="9309426" y="2244247"/>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3" name="Rett linje 52">
            <a:extLst>
              <a:ext uri="{FF2B5EF4-FFF2-40B4-BE49-F238E27FC236}">
                <a16:creationId xmlns:a16="http://schemas.microsoft.com/office/drawing/2014/main" id="{EE37323A-E9EE-C40A-5B8C-33D32D802C9F}"/>
              </a:ext>
            </a:extLst>
          </p:cNvPr>
          <p:cNvCxnSpPr>
            <a:cxnSpLocks/>
          </p:cNvCxnSpPr>
          <p:nvPr userDrawn="1"/>
        </p:nvCxnSpPr>
        <p:spPr>
          <a:xfrm>
            <a:off x="9309426" y="2656477"/>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1641102"/>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Referanse 3 (NOR)">
    <p:spTree>
      <p:nvGrpSpPr>
        <p:cNvPr id="1" name=""/>
        <p:cNvGrpSpPr/>
        <p:nvPr/>
      </p:nvGrpSpPr>
      <p:grpSpPr>
        <a:xfrm>
          <a:off x="0" y="0"/>
          <a:ext cx="0" cy="0"/>
          <a:chOff x="0" y="0"/>
          <a:chExt cx="0" cy="0"/>
        </a:xfrm>
      </p:grpSpPr>
      <p:pic>
        <p:nvPicPr>
          <p:cNvPr id="16" name="Bilde 2">
            <a:extLst>
              <a:ext uri="{FF2B5EF4-FFF2-40B4-BE49-F238E27FC236}">
                <a16:creationId xmlns:a16="http://schemas.microsoft.com/office/drawing/2014/main" id="{AE0BA14D-5C76-E4BD-F804-FAD12C20F35C}"/>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6096000" y="0"/>
            <a:ext cx="6096000" cy="6858000"/>
          </a:xfrm>
          <a:prstGeom prst="roundRect">
            <a:avLst>
              <a:gd name="adj" fmla="val 0"/>
            </a:avLst>
          </a:prstGeom>
        </p:spPr>
        <p:txBody>
          <a:bodyPr anchor="ctr">
            <a:normAutofit/>
          </a:bodyPr>
          <a:lstStyle>
            <a:lvl1pPr marL="0" indent="0" algn="ctr">
              <a:buNone/>
              <a:defRPr sz="2400">
                <a:solidFill>
                  <a:schemeClr val="tx1"/>
                </a:solidFill>
                <a:latin typeface="Aptos" panose="020B0004020202020204" pitchFamily="34" charset="0"/>
              </a:defRPr>
            </a:lvl1pPr>
          </a:lstStyle>
          <a:p>
            <a:r>
              <a:rPr lang="nb-NO" dirty="0"/>
              <a:t>Klikk på ikonet for å legge til et bilde</a:t>
            </a:r>
          </a:p>
          <a:p>
            <a:r>
              <a:rPr lang="nb-NO" dirty="0"/>
              <a:t> </a:t>
            </a:r>
          </a:p>
        </p:txBody>
      </p:sp>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838200" y="1440000"/>
            <a:ext cx="5123934" cy="3166501"/>
          </a:xfrm>
        </p:spPr>
        <p:txBody>
          <a:bodyPr>
            <a:noAutofit/>
          </a:bodyPr>
          <a:lstStyle>
            <a:lvl1pPr marL="0" indent="0">
              <a:buFont typeface="Arial" panose="020B0604020202020204" pitchFamily="34" charset="0"/>
              <a:buNone/>
              <a:defRPr sz="1800">
                <a:solidFill>
                  <a:schemeClr val="tx1"/>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5123935" cy="946800"/>
          </a:xfrm>
        </p:spPr>
        <p:txBody>
          <a:bodyPr anchor="t">
            <a:noAutofit/>
          </a:bodyPr>
          <a:lstStyle>
            <a:lvl1pPr>
              <a:defRPr>
                <a:solidFill>
                  <a:schemeClr val="tx1"/>
                </a:solidFill>
                <a:latin typeface="Aptos" panose="020B0004020202020204" pitchFamily="34" charset="0"/>
              </a:defRPr>
            </a:lvl1pPr>
          </a:lstStyle>
          <a:p>
            <a:r>
              <a:rPr lang="nb-NO"/>
              <a:t>Prosjektnavn</a:t>
            </a:r>
          </a:p>
        </p:txBody>
      </p:sp>
      <p:sp>
        <p:nvSpPr>
          <p:cNvPr id="3" name="TekstSylinder 14">
            <a:extLst>
              <a:ext uri="{FF2B5EF4-FFF2-40B4-BE49-F238E27FC236}">
                <a16:creationId xmlns:a16="http://schemas.microsoft.com/office/drawing/2014/main" id="{BF3BCEB8-29E3-EAC5-555B-85C88F475378}"/>
              </a:ext>
            </a:extLst>
          </p:cNvPr>
          <p:cNvSpPr txBox="1"/>
          <p:nvPr userDrawn="1"/>
        </p:nvSpPr>
        <p:spPr>
          <a:xfrm>
            <a:off x="838200" y="5028901"/>
            <a:ext cx="1098000" cy="334800"/>
          </a:xfrm>
          <a:prstGeom prst="rect">
            <a:avLst/>
          </a:prstGeom>
          <a:noFill/>
        </p:spPr>
        <p:txBody>
          <a:bodyPr wrap="square" rtlCol="0" anchor="ctr">
            <a:noAutofit/>
          </a:bodyPr>
          <a:lstStyle/>
          <a:p>
            <a:r>
              <a:rPr lang="nb-NO" sz="1200" b="1" dirty="0">
                <a:solidFill>
                  <a:schemeClr val="tx1"/>
                </a:solidFill>
                <a:latin typeface="Aptos" panose="020B0004020202020204" pitchFamily="34" charset="0"/>
              </a:rPr>
              <a:t>Kunde</a:t>
            </a:r>
          </a:p>
        </p:txBody>
      </p:sp>
      <p:sp>
        <p:nvSpPr>
          <p:cNvPr id="4" name="TekstSylinder 15">
            <a:extLst>
              <a:ext uri="{FF2B5EF4-FFF2-40B4-BE49-F238E27FC236}">
                <a16:creationId xmlns:a16="http://schemas.microsoft.com/office/drawing/2014/main" id="{87591440-A861-9F5B-EAB5-77511E29704E}"/>
              </a:ext>
            </a:extLst>
          </p:cNvPr>
          <p:cNvSpPr txBox="1"/>
          <p:nvPr userDrawn="1"/>
        </p:nvSpPr>
        <p:spPr>
          <a:xfrm>
            <a:off x="838200" y="5452694"/>
            <a:ext cx="1098000" cy="334800"/>
          </a:xfrm>
          <a:prstGeom prst="rect">
            <a:avLst/>
          </a:prstGeom>
          <a:noFill/>
        </p:spPr>
        <p:txBody>
          <a:bodyPr wrap="square" rtlCol="0" anchor="ctr">
            <a:noAutofit/>
          </a:bodyPr>
          <a:lstStyle/>
          <a:p>
            <a:r>
              <a:rPr lang="nb-NO" sz="1200" b="1">
                <a:solidFill>
                  <a:schemeClr val="tx1"/>
                </a:solidFill>
                <a:latin typeface="Aptos" panose="020B0004020202020204" pitchFamily="34" charset="0"/>
              </a:rPr>
              <a:t>Lokasjon</a:t>
            </a:r>
          </a:p>
        </p:txBody>
      </p:sp>
      <p:sp>
        <p:nvSpPr>
          <p:cNvPr id="5" name="TekstSylinder 16">
            <a:extLst>
              <a:ext uri="{FF2B5EF4-FFF2-40B4-BE49-F238E27FC236}">
                <a16:creationId xmlns:a16="http://schemas.microsoft.com/office/drawing/2014/main" id="{F290C593-FF37-FD90-83D7-B9B587809C04}"/>
              </a:ext>
            </a:extLst>
          </p:cNvPr>
          <p:cNvSpPr txBox="1"/>
          <p:nvPr userDrawn="1"/>
        </p:nvSpPr>
        <p:spPr>
          <a:xfrm>
            <a:off x="838200" y="5876488"/>
            <a:ext cx="1098000" cy="334800"/>
          </a:xfrm>
          <a:prstGeom prst="rect">
            <a:avLst/>
          </a:prstGeom>
          <a:noFill/>
        </p:spPr>
        <p:txBody>
          <a:bodyPr wrap="square" rtlCol="0" anchor="ctr">
            <a:noAutofit/>
          </a:bodyPr>
          <a:lstStyle/>
          <a:p>
            <a:r>
              <a:rPr lang="nb-NO" sz="1200" b="1">
                <a:solidFill>
                  <a:schemeClr val="tx1"/>
                </a:solidFill>
                <a:latin typeface="Aptos" panose="020B0004020202020204" pitchFamily="34" charset="0"/>
              </a:rPr>
              <a:t>Tidsperiode</a:t>
            </a:r>
          </a:p>
        </p:txBody>
      </p:sp>
      <p:sp>
        <p:nvSpPr>
          <p:cNvPr id="8" name="Plassholder for tekst 6">
            <a:extLst>
              <a:ext uri="{FF2B5EF4-FFF2-40B4-BE49-F238E27FC236}">
                <a16:creationId xmlns:a16="http://schemas.microsoft.com/office/drawing/2014/main" id="{2CB9C692-40C2-353B-B7F0-F89CB66B8B56}"/>
              </a:ext>
            </a:extLst>
          </p:cNvPr>
          <p:cNvSpPr>
            <a:spLocks noGrp="1"/>
          </p:cNvSpPr>
          <p:nvPr>
            <p:ph type="body" sz="quarter" idx="35" hasCustomPrompt="1"/>
          </p:nvPr>
        </p:nvSpPr>
        <p:spPr>
          <a:xfrm>
            <a:off x="1953504" y="5028901"/>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dirty="0"/>
              <a:t>Klikk for å legge til tekst	</a:t>
            </a:r>
          </a:p>
        </p:txBody>
      </p:sp>
      <p:sp>
        <p:nvSpPr>
          <p:cNvPr id="9" name="Plassholder for tekst 6">
            <a:extLst>
              <a:ext uri="{FF2B5EF4-FFF2-40B4-BE49-F238E27FC236}">
                <a16:creationId xmlns:a16="http://schemas.microsoft.com/office/drawing/2014/main" id="{0D801485-4696-4F7F-7E85-5441F2ABCE74}"/>
              </a:ext>
            </a:extLst>
          </p:cNvPr>
          <p:cNvSpPr>
            <a:spLocks noGrp="1"/>
          </p:cNvSpPr>
          <p:nvPr>
            <p:ph type="body" sz="quarter" idx="36" hasCustomPrompt="1"/>
          </p:nvPr>
        </p:nvSpPr>
        <p:spPr>
          <a:xfrm>
            <a:off x="1953504" y="5452694"/>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sp>
        <p:nvSpPr>
          <p:cNvPr id="10" name="Plassholder for tekst 6">
            <a:extLst>
              <a:ext uri="{FF2B5EF4-FFF2-40B4-BE49-F238E27FC236}">
                <a16:creationId xmlns:a16="http://schemas.microsoft.com/office/drawing/2014/main" id="{0A3CF51F-CE91-C97C-7EA4-E7186D9AF5F3}"/>
              </a:ext>
            </a:extLst>
          </p:cNvPr>
          <p:cNvSpPr>
            <a:spLocks noGrp="1"/>
          </p:cNvSpPr>
          <p:nvPr>
            <p:ph type="body" sz="quarter" idx="37" hasCustomPrompt="1"/>
          </p:nvPr>
        </p:nvSpPr>
        <p:spPr>
          <a:xfrm>
            <a:off x="1953504" y="5876488"/>
            <a:ext cx="2026860" cy="334800"/>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cxnSp>
        <p:nvCxnSpPr>
          <p:cNvPr id="12" name="Rett linje 25">
            <a:extLst>
              <a:ext uri="{FF2B5EF4-FFF2-40B4-BE49-F238E27FC236}">
                <a16:creationId xmlns:a16="http://schemas.microsoft.com/office/drawing/2014/main" id="{9A9D6382-080C-9F68-FF7E-54B2C77ABB8D}"/>
              </a:ext>
            </a:extLst>
          </p:cNvPr>
          <p:cNvCxnSpPr>
            <a:cxnSpLocks/>
          </p:cNvCxnSpPr>
          <p:nvPr userDrawn="1"/>
        </p:nvCxnSpPr>
        <p:spPr>
          <a:xfrm>
            <a:off x="1935990" y="49878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3" name="Rett linje 40">
            <a:extLst>
              <a:ext uri="{FF2B5EF4-FFF2-40B4-BE49-F238E27FC236}">
                <a16:creationId xmlns:a16="http://schemas.microsoft.com/office/drawing/2014/main" id="{FA0B4AAF-2891-1DFD-6DC7-5A62CC0C84AA}"/>
              </a:ext>
            </a:extLst>
          </p:cNvPr>
          <p:cNvCxnSpPr>
            <a:cxnSpLocks/>
          </p:cNvCxnSpPr>
          <p:nvPr userDrawn="1"/>
        </p:nvCxnSpPr>
        <p:spPr>
          <a:xfrm>
            <a:off x="1935990" y="54069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4" name="Rett linje 41">
            <a:extLst>
              <a:ext uri="{FF2B5EF4-FFF2-40B4-BE49-F238E27FC236}">
                <a16:creationId xmlns:a16="http://schemas.microsoft.com/office/drawing/2014/main" id="{F749D22B-869E-D148-CFF8-1CFE43D9B9DE}"/>
              </a:ext>
            </a:extLst>
          </p:cNvPr>
          <p:cNvCxnSpPr>
            <a:cxnSpLocks/>
          </p:cNvCxnSpPr>
          <p:nvPr userDrawn="1"/>
        </p:nvCxnSpPr>
        <p:spPr>
          <a:xfrm>
            <a:off x="1935990" y="583553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5" name="Rett linje 52">
            <a:extLst>
              <a:ext uri="{FF2B5EF4-FFF2-40B4-BE49-F238E27FC236}">
                <a16:creationId xmlns:a16="http://schemas.microsoft.com/office/drawing/2014/main" id="{31B24B6F-7EBB-1624-56D1-6F084AD78259}"/>
              </a:ext>
            </a:extLst>
          </p:cNvPr>
          <p:cNvCxnSpPr>
            <a:cxnSpLocks/>
          </p:cNvCxnSpPr>
          <p:nvPr userDrawn="1"/>
        </p:nvCxnSpPr>
        <p:spPr>
          <a:xfrm>
            <a:off x="1935990" y="624776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3058427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Mellomslide 2">
    <p:spTree>
      <p:nvGrpSpPr>
        <p:cNvPr id="1" name=""/>
        <p:cNvGrpSpPr/>
        <p:nvPr/>
      </p:nvGrpSpPr>
      <p:grpSpPr>
        <a:xfrm>
          <a:off x="0" y="0"/>
          <a:ext cx="0" cy="0"/>
          <a:chOff x="0" y="0"/>
          <a:chExt cx="0" cy="0"/>
        </a:xfrm>
      </p:grpSpPr>
      <p:sp>
        <p:nvSpPr>
          <p:cNvPr id="7" name="Plassholder for bilde 6">
            <a:extLst>
              <a:ext uri="{FF2B5EF4-FFF2-40B4-BE49-F238E27FC236}">
                <a16:creationId xmlns:a16="http://schemas.microsoft.com/office/drawing/2014/main" id="{B74CB703-39D3-7675-1101-34100DC35A39}"/>
              </a:ext>
            </a:extLst>
          </p:cNvPr>
          <p:cNvSpPr>
            <a:spLocks noGrp="1"/>
          </p:cNvSpPr>
          <p:nvPr>
            <p:ph type="pic" sz="quarter" idx="10" hasCustomPrompt="1"/>
          </p:nvPr>
        </p:nvSpPr>
        <p:spPr>
          <a:xfrm>
            <a:off x="0" y="2361063"/>
            <a:ext cx="12192000" cy="4496937"/>
          </a:xfrm>
        </p:spPr>
        <p:txBody>
          <a:bodyPr anchor="ctr"/>
          <a:lstStyle>
            <a:lvl1pPr marL="0" indent="0" algn="ctr">
              <a:buNone/>
              <a:defRPr>
                <a:solidFill>
                  <a:schemeClr val="bg2"/>
                </a:solidFill>
                <a:latin typeface="Aptos" panose="020B0004020202020204" pitchFamily="34" charset="0"/>
              </a:defRPr>
            </a:lvl1pPr>
          </a:lstStyle>
          <a:p>
            <a:r>
              <a:rPr lang="nb-NO" dirty="0"/>
              <a:t>Klikk på ikonet for å legge til et bilde</a:t>
            </a:r>
          </a:p>
          <a:p>
            <a:endParaRPr lang="nb-NO" dirty="0"/>
          </a:p>
          <a:p>
            <a:endParaRPr lang="nb-NO" dirty="0"/>
          </a:p>
        </p:txBody>
      </p:sp>
      <p:pic>
        <p:nvPicPr>
          <p:cNvPr id="3" name="Bilde 2">
            <a:extLst>
              <a:ext uri="{FF2B5EF4-FFF2-40B4-BE49-F238E27FC236}">
                <a16:creationId xmlns:a16="http://schemas.microsoft.com/office/drawing/2014/main" id="{1DDC5DD6-7423-8B16-73AC-BE35C6F0D9B5}"/>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9" name="Bilde 8">
            <a:extLst>
              <a:ext uri="{FF2B5EF4-FFF2-40B4-BE49-F238E27FC236}">
                <a16:creationId xmlns:a16="http://schemas.microsoft.com/office/drawing/2014/main" id="{A40F2D09-9444-11A9-54E7-6B55391280A7}"/>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113"/>
            <a:ext cx="1403351" cy="464977"/>
          </a:xfrm>
          <a:prstGeom prst="rect">
            <a:avLst/>
          </a:prstGeom>
        </p:spPr>
      </p:pic>
      <p:sp>
        <p:nvSpPr>
          <p:cNvPr id="8" name="Tittel 1">
            <a:extLst>
              <a:ext uri="{FF2B5EF4-FFF2-40B4-BE49-F238E27FC236}">
                <a16:creationId xmlns:a16="http://schemas.microsoft.com/office/drawing/2014/main" id="{653CA80E-1E7D-073D-B788-161DC1D45D36}"/>
              </a:ext>
            </a:extLst>
          </p:cNvPr>
          <p:cNvSpPr>
            <a:spLocks noGrp="1"/>
          </p:cNvSpPr>
          <p:nvPr>
            <p:ph type="title" hasCustomPrompt="1"/>
          </p:nvPr>
        </p:nvSpPr>
        <p:spPr>
          <a:xfrm>
            <a:off x="797256" y="361508"/>
            <a:ext cx="10516738" cy="1529372"/>
          </a:xfrm>
        </p:spPr>
        <p:txBody>
          <a:bodyPr anchor="t">
            <a:noAutofit/>
          </a:bodyPr>
          <a:lstStyle>
            <a:lvl1pPr algn="l">
              <a:defRPr sz="4400">
                <a:solidFill>
                  <a:schemeClr val="bg2"/>
                </a:solidFill>
                <a:latin typeface="Aptos" panose="020B0004020202020204" pitchFamily="34" charset="0"/>
              </a:defRPr>
            </a:lvl1pPr>
          </a:lstStyle>
          <a:p>
            <a:r>
              <a:rPr lang="nb-NO" dirty="0"/>
              <a:t>Klikk for å redigere tittel</a:t>
            </a:r>
          </a:p>
        </p:txBody>
      </p:sp>
    </p:spTree>
    <p:extLst>
      <p:ext uri="{BB962C8B-B14F-4D97-AF65-F5344CB8AC3E}">
        <p14:creationId xmlns:p14="http://schemas.microsoft.com/office/powerpoint/2010/main" val="1685152097"/>
      </p:ext>
    </p:extLst>
  </p:cSld>
  <p:clrMapOvr>
    <a:overrideClrMapping bg1="lt1" tx1="dk1" bg2="lt2" tx2="dk2" accent1="accent1" accent2="accent2" accent3="accent3" accent4="accent4" accent5="accent5" accent6="accent6" hlink="hlink" folHlink="folHlink"/>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Referanse 3 (ENG)">
    <p:spTree>
      <p:nvGrpSpPr>
        <p:cNvPr id="1" name=""/>
        <p:cNvGrpSpPr/>
        <p:nvPr/>
      </p:nvGrpSpPr>
      <p:grpSpPr>
        <a:xfrm>
          <a:off x="0" y="0"/>
          <a:ext cx="0" cy="0"/>
          <a:chOff x="0" y="0"/>
          <a:chExt cx="0" cy="0"/>
        </a:xfrm>
      </p:grpSpPr>
      <p:pic>
        <p:nvPicPr>
          <p:cNvPr id="16" name="Bilde 2">
            <a:extLst>
              <a:ext uri="{FF2B5EF4-FFF2-40B4-BE49-F238E27FC236}">
                <a16:creationId xmlns:a16="http://schemas.microsoft.com/office/drawing/2014/main" id="{7E0B74EA-A3DA-699F-7116-1BB2822733C4}"/>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
        <p:nvSpPr>
          <p:cNvPr id="11" name="Plassholder for bilde 8">
            <a:extLst>
              <a:ext uri="{FF2B5EF4-FFF2-40B4-BE49-F238E27FC236}">
                <a16:creationId xmlns:a16="http://schemas.microsoft.com/office/drawing/2014/main" id="{1D3F7AE6-EA41-2FF8-6723-9800007D84D2}"/>
              </a:ext>
            </a:extLst>
          </p:cNvPr>
          <p:cNvSpPr>
            <a:spLocks noGrp="1"/>
          </p:cNvSpPr>
          <p:nvPr>
            <p:ph type="pic" sz="quarter" idx="11" hasCustomPrompt="1"/>
          </p:nvPr>
        </p:nvSpPr>
        <p:spPr>
          <a:xfrm>
            <a:off x="6096000" y="0"/>
            <a:ext cx="6096000" cy="6858000"/>
          </a:xfrm>
          <a:prstGeom prst="roundRect">
            <a:avLst>
              <a:gd name="adj" fmla="val 0"/>
            </a:avLst>
          </a:prstGeom>
        </p:spPr>
        <p:txBody>
          <a:bodyPr anchor="ctr">
            <a:normAutofit/>
          </a:bodyPr>
          <a:lstStyle>
            <a:lvl1pPr marL="0" indent="0" algn="ctr">
              <a:buNone/>
              <a:defRPr sz="2400">
                <a:solidFill>
                  <a:schemeClr val="tx1"/>
                </a:solidFill>
                <a:latin typeface="Aptos" panose="020B0004020202020204" pitchFamily="34" charset="0"/>
              </a:defRPr>
            </a:lvl1pPr>
          </a:lstStyle>
          <a:p>
            <a:r>
              <a:rPr lang="nb-NO" dirty="0"/>
              <a:t>Klikk på ikonet for å legge til et bilde</a:t>
            </a:r>
          </a:p>
          <a:p>
            <a:r>
              <a:rPr lang="nb-NO" dirty="0"/>
              <a:t> </a:t>
            </a:r>
          </a:p>
        </p:txBody>
      </p:sp>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23" name="Plassholder for innhold 2">
            <a:extLst>
              <a:ext uri="{FF2B5EF4-FFF2-40B4-BE49-F238E27FC236}">
                <a16:creationId xmlns:a16="http://schemas.microsoft.com/office/drawing/2014/main" id="{FC2A871A-AB1B-3099-79DB-CBCAC9058A99}"/>
              </a:ext>
            </a:extLst>
          </p:cNvPr>
          <p:cNvSpPr>
            <a:spLocks noGrp="1"/>
          </p:cNvSpPr>
          <p:nvPr>
            <p:ph idx="1" hasCustomPrompt="1"/>
          </p:nvPr>
        </p:nvSpPr>
        <p:spPr>
          <a:xfrm>
            <a:off x="838200" y="1440000"/>
            <a:ext cx="5123934" cy="3166501"/>
          </a:xfrm>
        </p:spPr>
        <p:txBody>
          <a:bodyPr>
            <a:noAutofit/>
          </a:bodyPr>
          <a:lstStyle>
            <a:lvl1pPr marL="0" indent="0">
              <a:buFont typeface="Arial" panose="020B0604020202020204" pitchFamily="34" charset="0"/>
              <a:buNone/>
              <a:defRPr sz="1800">
                <a:solidFill>
                  <a:schemeClr val="tx1"/>
                </a:solidFill>
                <a:latin typeface="+mn-lt"/>
              </a:defRPr>
            </a:lvl1pPr>
            <a:lvl2pPr marL="457200" indent="0">
              <a:buFont typeface="Arial" panose="020B0604020202020204" pitchFamily="34" charset="0"/>
              <a:buNone/>
              <a:defRPr sz="2000">
                <a:solidFill>
                  <a:schemeClr val="bg2"/>
                </a:solidFill>
                <a:latin typeface="+mn-lt"/>
              </a:defRPr>
            </a:lvl2pPr>
            <a:lvl3pPr marL="914400" indent="0">
              <a:buFont typeface="Arial" panose="020B0604020202020204" pitchFamily="34" charset="0"/>
              <a:buNone/>
              <a:defRPr sz="2000">
                <a:solidFill>
                  <a:schemeClr val="bg2"/>
                </a:solidFill>
                <a:latin typeface="+mn-lt"/>
              </a:defRPr>
            </a:lvl3pPr>
            <a:lvl4pPr marL="1371600" indent="0">
              <a:buFont typeface="Arial" panose="020B0604020202020204" pitchFamily="34" charset="0"/>
              <a:buNone/>
              <a:defRPr sz="2000">
                <a:solidFill>
                  <a:schemeClr val="bg2"/>
                </a:solidFill>
                <a:latin typeface="+mn-lt"/>
              </a:defRPr>
            </a:lvl4pPr>
            <a:lvl5pPr marL="1828800" indent="0">
              <a:buFont typeface="Arial" panose="020B0604020202020204" pitchFamily="34" charset="0"/>
              <a:buNone/>
              <a:defRPr sz="2000">
                <a:solidFill>
                  <a:schemeClr val="bg2"/>
                </a:solidFill>
                <a:latin typeface="+mn-lt"/>
              </a:defRPr>
            </a:lvl5pPr>
          </a:lstStyle>
          <a:p>
            <a:pPr marL="0" marR="0" lvl="0" indent="0" algn="l" defTabSz="914400" rtl="0" eaLnBrk="1" fontAlgn="auto" latinLnBrk="0" hangingPunct="1">
              <a:lnSpc>
                <a:spcPct val="90000"/>
              </a:lnSpc>
              <a:spcBef>
                <a:spcPts val="1000"/>
              </a:spcBef>
              <a:spcAft>
                <a:spcPts val="0"/>
              </a:spcAft>
              <a:buClr>
                <a:schemeClr val="tx2"/>
              </a:buClr>
              <a:buSzTx/>
              <a:buFont typeface="Arial" panose="020B0604020202020204" pitchFamily="34" charset="0"/>
              <a:buNone/>
              <a:tabLst/>
              <a:defRPr/>
            </a:pPr>
            <a:r>
              <a:rPr lang="nb-NO" dirty="0"/>
              <a:t>Klikk for å redigere tekst</a:t>
            </a:r>
          </a:p>
        </p:txBody>
      </p:sp>
      <p:sp>
        <p:nvSpPr>
          <p:cNvPr id="7" name="Tittel 1">
            <a:extLst>
              <a:ext uri="{FF2B5EF4-FFF2-40B4-BE49-F238E27FC236}">
                <a16:creationId xmlns:a16="http://schemas.microsoft.com/office/drawing/2014/main" id="{22260096-998A-33C4-5A2B-37D79E659696}"/>
              </a:ext>
            </a:extLst>
          </p:cNvPr>
          <p:cNvSpPr>
            <a:spLocks noGrp="1"/>
          </p:cNvSpPr>
          <p:nvPr>
            <p:ph type="title" hasCustomPrompt="1"/>
          </p:nvPr>
        </p:nvSpPr>
        <p:spPr>
          <a:xfrm>
            <a:off x="838200" y="416371"/>
            <a:ext cx="5123935" cy="946800"/>
          </a:xfrm>
        </p:spPr>
        <p:txBody>
          <a:bodyPr anchor="t">
            <a:noAutofit/>
          </a:bodyPr>
          <a:lstStyle>
            <a:lvl1pPr>
              <a:defRPr>
                <a:solidFill>
                  <a:schemeClr val="tx1"/>
                </a:solidFill>
                <a:latin typeface="Aptos" panose="020B0004020202020204" pitchFamily="34" charset="0"/>
              </a:defRPr>
            </a:lvl1pPr>
          </a:lstStyle>
          <a:p>
            <a:r>
              <a:rPr lang="nb-NO"/>
              <a:t>Prosjektnavn</a:t>
            </a:r>
          </a:p>
        </p:txBody>
      </p:sp>
      <p:sp>
        <p:nvSpPr>
          <p:cNvPr id="3" name="TekstSylinder 14">
            <a:extLst>
              <a:ext uri="{FF2B5EF4-FFF2-40B4-BE49-F238E27FC236}">
                <a16:creationId xmlns:a16="http://schemas.microsoft.com/office/drawing/2014/main" id="{BF3BCEB8-29E3-EAC5-555B-85C88F475378}"/>
              </a:ext>
            </a:extLst>
          </p:cNvPr>
          <p:cNvSpPr txBox="1"/>
          <p:nvPr userDrawn="1"/>
        </p:nvSpPr>
        <p:spPr>
          <a:xfrm>
            <a:off x="838200" y="5028901"/>
            <a:ext cx="1098000" cy="334800"/>
          </a:xfrm>
          <a:prstGeom prst="rect">
            <a:avLst/>
          </a:prstGeom>
          <a:noFill/>
        </p:spPr>
        <p:txBody>
          <a:bodyPr wrap="square" rtlCol="0" anchor="ctr">
            <a:noAutofit/>
          </a:bodyPr>
          <a:lstStyle/>
          <a:p>
            <a:r>
              <a:rPr lang="en-GB" sz="1200" b="1" noProof="0" dirty="0">
                <a:solidFill>
                  <a:schemeClr val="tx1"/>
                </a:solidFill>
                <a:latin typeface="Aptos" panose="020B0004020202020204" pitchFamily="34" charset="0"/>
              </a:rPr>
              <a:t>Client</a:t>
            </a:r>
          </a:p>
        </p:txBody>
      </p:sp>
      <p:sp>
        <p:nvSpPr>
          <p:cNvPr id="4" name="TekstSylinder 15">
            <a:extLst>
              <a:ext uri="{FF2B5EF4-FFF2-40B4-BE49-F238E27FC236}">
                <a16:creationId xmlns:a16="http://schemas.microsoft.com/office/drawing/2014/main" id="{87591440-A861-9F5B-EAB5-77511E29704E}"/>
              </a:ext>
            </a:extLst>
          </p:cNvPr>
          <p:cNvSpPr txBox="1"/>
          <p:nvPr userDrawn="1"/>
        </p:nvSpPr>
        <p:spPr>
          <a:xfrm>
            <a:off x="838200" y="5452694"/>
            <a:ext cx="1098000" cy="334800"/>
          </a:xfrm>
          <a:prstGeom prst="rect">
            <a:avLst/>
          </a:prstGeom>
          <a:noFill/>
        </p:spPr>
        <p:txBody>
          <a:bodyPr wrap="square" rtlCol="0" anchor="ctr">
            <a:noAutofit/>
          </a:bodyPr>
          <a:lstStyle/>
          <a:p>
            <a:r>
              <a:rPr lang="en-GB" sz="1200" b="1" noProof="0" dirty="0">
                <a:solidFill>
                  <a:schemeClr val="tx1"/>
                </a:solidFill>
                <a:latin typeface="Aptos" panose="020B0004020202020204" pitchFamily="34" charset="0"/>
              </a:rPr>
              <a:t>Location</a:t>
            </a:r>
          </a:p>
        </p:txBody>
      </p:sp>
      <p:sp>
        <p:nvSpPr>
          <p:cNvPr id="5" name="TekstSylinder 16">
            <a:extLst>
              <a:ext uri="{FF2B5EF4-FFF2-40B4-BE49-F238E27FC236}">
                <a16:creationId xmlns:a16="http://schemas.microsoft.com/office/drawing/2014/main" id="{F290C593-FF37-FD90-83D7-B9B587809C04}"/>
              </a:ext>
            </a:extLst>
          </p:cNvPr>
          <p:cNvSpPr txBox="1"/>
          <p:nvPr userDrawn="1"/>
        </p:nvSpPr>
        <p:spPr>
          <a:xfrm>
            <a:off x="838200" y="5876488"/>
            <a:ext cx="1098000" cy="334800"/>
          </a:xfrm>
          <a:prstGeom prst="rect">
            <a:avLst/>
          </a:prstGeom>
          <a:noFill/>
        </p:spPr>
        <p:txBody>
          <a:bodyPr wrap="square" rtlCol="0" anchor="ctr">
            <a:noAutofit/>
          </a:bodyPr>
          <a:lstStyle/>
          <a:p>
            <a:r>
              <a:rPr lang="en-GB" sz="1200" b="1" noProof="0" dirty="0">
                <a:solidFill>
                  <a:schemeClr val="tx1"/>
                </a:solidFill>
                <a:latin typeface="Aptos" panose="020B0004020202020204" pitchFamily="34" charset="0"/>
              </a:rPr>
              <a:t>Time period</a:t>
            </a:r>
          </a:p>
        </p:txBody>
      </p:sp>
      <p:sp>
        <p:nvSpPr>
          <p:cNvPr id="8" name="Plassholder for tekst 6">
            <a:extLst>
              <a:ext uri="{FF2B5EF4-FFF2-40B4-BE49-F238E27FC236}">
                <a16:creationId xmlns:a16="http://schemas.microsoft.com/office/drawing/2014/main" id="{2CB9C692-40C2-353B-B7F0-F89CB66B8B56}"/>
              </a:ext>
            </a:extLst>
          </p:cNvPr>
          <p:cNvSpPr>
            <a:spLocks noGrp="1"/>
          </p:cNvSpPr>
          <p:nvPr>
            <p:ph type="body" sz="quarter" idx="35" hasCustomPrompt="1"/>
          </p:nvPr>
        </p:nvSpPr>
        <p:spPr>
          <a:xfrm>
            <a:off x="1953504" y="5028901"/>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dirty="0"/>
              <a:t>Klikk for å legge til tekst	</a:t>
            </a:r>
          </a:p>
        </p:txBody>
      </p:sp>
      <p:sp>
        <p:nvSpPr>
          <p:cNvPr id="9" name="Plassholder for tekst 6">
            <a:extLst>
              <a:ext uri="{FF2B5EF4-FFF2-40B4-BE49-F238E27FC236}">
                <a16:creationId xmlns:a16="http://schemas.microsoft.com/office/drawing/2014/main" id="{0D801485-4696-4F7F-7E85-5441F2ABCE74}"/>
              </a:ext>
            </a:extLst>
          </p:cNvPr>
          <p:cNvSpPr>
            <a:spLocks noGrp="1"/>
          </p:cNvSpPr>
          <p:nvPr>
            <p:ph type="body" sz="quarter" idx="36" hasCustomPrompt="1"/>
          </p:nvPr>
        </p:nvSpPr>
        <p:spPr>
          <a:xfrm>
            <a:off x="1953504" y="5452694"/>
            <a:ext cx="2026860" cy="335425"/>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sp>
        <p:nvSpPr>
          <p:cNvPr id="10" name="Plassholder for tekst 6">
            <a:extLst>
              <a:ext uri="{FF2B5EF4-FFF2-40B4-BE49-F238E27FC236}">
                <a16:creationId xmlns:a16="http://schemas.microsoft.com/office/drawing/2014/main" id="{0A3CF51F-CE91-C97C-7EA4-E7186D9AF5F3}"/>
              </a:ext>
            </a:extLst>
          </p:cNvPr>
          <p:cNvSpPr>
            <a:spLocks noGrp="1"/>
          </p:cNvSpPr>
          <p:nvPr>
            <p:ph type="body" sz="quarter" idx="37" hasCustomPrompt="1"/>
          </p:nvPr>
        </p:nvSpPr>
        <p:spPr>
          <a:xfrm>
            <a:off x="1953504" y="5876488"/>
            <a:ext cx="2026860" cy="334800"/>
          </a:xfrm>
        </p:spPr>
        <p:txBody>
          <a:bodyPr anchor="ctr">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cxnSp>
        <p:nvCxnSpPr>
          <p:cNvPr id="12" name="Rett linje 25">
            <a:extLst>
              <a:ext uri="{FF2B5EF4-FFF2-40B4-BE49-F238E27FC236}">
                <a16:creationId xmlns:a16="http://schemas.microsoft.com/office/drawing/2014/main" id="{9A9D6382-080C-9F68-FF7E-54B2C77ABB8D}"/>
              </a:ext>
            </a:extLst>
          </p:cNvPr>
          <p:cNvCxnSpPr>
            <a:cxnSpLocks/>
          </p:cNvCxnSpPr>
          <p:nvPr userDrawn="1"/>
        </p:nvCxnSpPr>
        <p:spPr>
          <a:xfrm>
            <a:off x="1935990" y="49878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3" name="Rett linje 40">
            <a:extLst>
              <a:ext uri="{FF2B5EF4-FFF2-40B4-BE49-F238E27FC236}">
                <a16:creationId xmlns:a16="http://schemas.microsoft.com/office/drawing/2014/main" id="{FA0B4AAF-2891-1DFD-6DC7-5A62CC0C84AA}"/>
              </a:ext>
            </a:extLst>
          </p:cNvPr>
          <p:cNvCxnSpPr>
            <a:cxnSpLocks/>
          </p:cNvCxnSpPr>
          <p:nvPr userDrawn="1"/>
        </p:nvCxnSpPr>
        <p:spPr>
          <a:xfrm>
            <a:off x="1935990" y="5406906"/>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4" name="Rett linje 41">
            <a:extLst>
              <a:ext uri="{FF2B5EF4-FFF2-40B4-BE49-F238E27FC236}">
                <a16:creationId xmlns:a16="http://schemas.microsoft.com/office/drawing/2014/main" id="{F749D22B-869E-D148-CFF8-1CFE43D9B9DE}"/>
              </a:ext>
            </a:extLst>
          </p:cNvPr>
          <p:cNvCxnSpPr>
            <a:cxnSpLocks/>
          </p:cNvCxnSpPr>
          <p:nvPr userDrawn="1"/>
        </p:nvCxnSpPr>
        <p:spPr>
          <a:xfrm>
            <a:off x="1935990" y="583553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5" name="Rett linje 52">
            <a:extLst>
              <a:ext uri="{FF2B5EF4-FFF2-40B4-BE49-F238E27FC236}">
                <a16:creationId xmlns:a16="http://schemas.microsoft.com/office/drawing/2014/main" id="{31B24B6F-7EBB-1624-56D1-6F084AD78259}"/>
              </a:ext>
            </a:extLst>
          </p:cNvPr>
          <p:cNvCxnSpPr>
            <a:cxnSpLocks/>
          </p:cNvCxnSpPr>
          <p:nvPr userDrawn="1"/>
        </p:nvCxnSpPr>
        <p:spPr>
          <a:xfrm>
            <a:off x="1935990" y="6247761"/>
            <a:ext cx="205111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7869180"/>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Foredragsholder">
    <p:spTree>
      <p:nvGrpSpPr>
        <p:cNvPr id="1" name=""/>
        <p:cNvGrpSpPr/>
        <p:nvPr/>
      </p:nvGrpSpPr>
      <p:grpSpPr>
        <a:xfrm>
          <a:off x="0" y="0"/>
          <a:ext cx="0" cy="0"/>
          <a:chOff x="0" y="0"/>
          <a:chExt cx="0" cy="0"/>
        </a:xfrm>
      </p:grpSpPr>
      <p:pic>
        <p:nvPicPr>
          <p:cNvPr id="2" name="Bilde 1">
            <a:extLst>
              <a:ext uri="{FF2B5EF4-FFF2-40B4-BE49-F238E27FC236}">
                <a16:creationId xmlns:a16="http://schemas.microsoft.com/office/drawing/2014/main" id="{A34ED3EA-11F6-7BED-2AE4-12436DD85E6E}"/>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sp>
        <p:nvSpPr>
          <p:cNvPr id="7" name="Tittel 1">
            <a:extLst>
              <a:ext uri="{FF2B5EF4-FFF2-40B4-BE49-F238E27FC236}">
                <a16:creationId xmlns:a16="http://schemas.microsoft.com/office/drawing/2014/main" id="{C6CA6EF6-969E-32D2-F3C2-44B99BFE0F05}"/>
              </a:ext>
            </a:extLst>
          </p:cNvPr>
          <p:cNvSpPr>
            <a:spLocks noGrp="1"/>
          </p:cNvSpPr>
          <p:nvPr>
            <p:ph type="title" hasCustomPrompt="1"/>
          </p:nvPr>
        </p:nvSpPr>
        <p:spPr>
          <a:xfrm>
            <a:off x="838200" y="416371"/>
            <a:ext cx="10515600" cy="946800"/>
          </a:xfrm>
        </p:spPr>
        <p:txBody>
          <a:bodyPr anchor="t">
            <a:noAutofit/>
          </a:bodyPr>
          <a:lstStyle>
            <a:lvl1pPr>
              <a:defRPr>
                <a:solidFill>
                  <a:schemeClr val="tx1"/>
                </a:solidFill>
                <a:latin typeface="Aptos" panose="020B0004020202020204" pitchFamily="34" charset="0"/>
              </a:defRPr>
            </a:lvl1pPr>
          </a:lstStyle>
          <a:p>
            <a:r>
              <a:rPr lang="nb-NO" dirty="0"/>
              <a:t>Om foredragsholder</a:t>
            </a:r>
          </a:p>
        </p:txBody>
      </p:sp>
      <p:sp>
        <p:nvSpPr>
          <p:cNvPr id="8" name="Plassholder for bilde 8">
            <a:extLst>
              <a:ext uri="{FF2B5EF4-FFF2-40B4-BE49-F238E27FC236}">
                <a16:creationId xmlns:a16="http://schemas.microsoft.com/office/drawing/2014/main" id="{295FE7D5-DCFA-A2F7-3868-C1754FB29B4A}"/>
              </a:ext>
            </a:extLst>
          </p:cNvPr>
          <p:cNvSpPr>
            <a:spLocks noGrp="1"/>
          </p:cNvSpPr>
          <p:nvPr>
            <p:ph type="pic" sz="quarter" idx="11" hasCustomPrompt="1"/>
          </p:nvPr>
        </p:nvSpPr>
        <p:spPr>
          <a:xfrm>
            <a:off x="838200" y="1442545"/>
            <a:ext cx="3019926" cy="3136214"/>
          </a:xfrm>
          <a:prstGeom prst="roundRect">
            <a:avLst>
              <a:gd name="adj" fmla="val 4964"/>
            </a:avLst>
          </a:prstGeom>
          <a:noFill/>
        </p:spPr>
        <p:txBody>
          <a:bodyPr anchor="ctr">
            <a:normAutofit/>
          </a:bodyPr>
          <a:lstStyle>
            <a:lvl1pPr marL="0" indent="0" algn="ctr">
              <a:buNone/>
              <a:defRPr sz="1600">
                <a:solidFill>
                  <a:schemeClr val="tx1"/>
                </a:solidFill>
                <a:latin typeface="Aptos" panose="020B0004020202020204" pitchFamily="34" charset="0"/>
              </a:defRPr>
            </a:lvl1pPr>
          </a:lstStyle>
          <a:p>
            <a:r>
              <a:rPr lang="nb-NO" dirty="0"/>
              <a:t>Klikk på ikonet </a:t>
            </a:r>
            <a:br>
              <a:rPr lang="nb-NO" dirty="0"/>
            </a:br>
            <a:r>
              <a:rPr lang="nb-NO" dirty="0"/>
              <a:t>for å legge til et bilde</a:t>
            </a:r>
          </a:p>
          <a:p>
            <a:endParaRPr lang="nb-NO" dirty="0"/>
          </a:p>
          <a:p>
            <a:endParaRPr lang="nb-NO" dirty="0"/>
          </a:p>
        </p:txBody>
      </p:sp>
      <p:sp>
        <p:nvSpPr>
          <p:cNvPr id="9" name="Plassholder for innhold 3">
            <a:extLst>
              <a:ext uri="{FF2B5EF4-FFF2-40B4-BE49-F238E27FC236}">
                <a16:creationId xmlns:a16="http://schemas.microsoft.com/office/drawing/2014/main" id="{9CA5ED19-FC3C-3A32-5BF7-324A4D3A1693}"/>
              </a:ext>
            </a:extLst>
          </p:cNvPr>
          <p:cNvSpPr>
            <a:spLocks noGrp="1"/>
          </p:cNvSpPr>
          <p:nvPr>
            <p:ph sz="half" idx="2" hasCustomPrompt="1"/>
          </p:nvPr>
        </p:nvSpPr>
        <p:spPr>
          <a:xfrm>
            <a:off x="4339988" y="1442545"/>
            <a:ext cx="7013814" cy="4604901"/>
          </a:xfrm>
        </p:spPr>
        <p:txBody>
          <a:bodyPr>
            <a:noAutofit/>
          </a:bodyPr>
          <a:lstStyle>
            <a:lvl1pPr marL="342900" indent="-342900">
              <a:buFont typeface="Arial" panose="020B0604020202020204" pitchFamily="34" charset="0"/>
              <a:buChar char="•"/>
              <a:defRPr>
                <a:solidFill>
                  <a:schemeClr val="tx1"/>
                </a:solidFill>
                <a:latin typeface="Aptos" panose="020B0004020202020204" pitchFamily="34" charset="0"/>
              </a:defRPr>
            </a:lvl1pPr>
            <a:lvl2pPr>
              <a:defRPr>
                <a:solidFill>
                  <a:schemeClr val="tx1"/>
                </a:solidFill>
                <a:latin typeface="Aptos" panose="020B0004020202020204" pitchFamily="34" charset="0"/>
              </a:defRPr>
            </a:lvl2pPr>
            <a:lvl3pPr>
              <a:defRPr>
                <a:solidFill>
                  <a:schemeClr val="tx1"/>
                </a:solidFill>
                <a:latin typeface="Aptos" panose="020B0004020202020204" pitchFamily="34" charset="0"/>
              </a:defRPr>
            </a:lvl3pPr>
            <a:lvl4pPr>
              <a:defRPr>
                <a:solidFill>
                  <a:schemeClr val="tx1"/>
                </a:solidFill>
                <a:latin typeface="Aptos" panose="020B0004020202020204" pitchFamily="34" charset="0"/>
              </a:defRPr>
            </a:lvl4pPr>
            <a:lvl5pPr>
              <a:defRPr>
                <a:solidFill>
                  <a:schemeClr val="tx1"/>
                </a:solidFill>
                <a:latin typeface="Aptos" panose="020B0004020202020204" pitchFamily="34" charset="0"/>
              </a:defRPr>
            </a:lvl5p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sp>
        <p:nvSpPr>
          <p:cNvPr id="15" name="Plassholder for tekst 6">
            <a:extLst>
              <a:ext uri="{FF2B5EF4-FFF2-40B4-BE49-F238E27FC236}">
                <a16:creationId xmlns:a16="http://schemas.microsoft.com/office/drawing/2014/main" id="{9D160BB7-D4F8-62A8-A097-3948333F3D5A}"/>
              </a:ext>
            </a:extLst>
          </p:cNvPr>
          <p:cNvSpPr>
            <a:spLocks noGrp="1"/>
          </p:cNvSpPr>
          <p:nvPr>
            <p:ph type="body" sz="quarter" idx="36" hasCustomPrompt="1"/>
          </p:nvPr>
        </p:nvSpPr>
        <p:spPr>
          <a:xfrm>
            <a:off x="838200" y="5201836"/>
            <a:ext cx="3019926" cy="845610"/>
          </a:xfrm>
        </p:spPr>
        <p:txBody>
          <a:bodyPr anchor="t">
            <a:noAutofit/>
          </a:bodyPr>
          <a:lstStyle>
            <a:lvl1pPr marL="0" indent="0">
              <a:buNone/>
              <a:defRPr sz="1200">
                <a:solidFill>
                  <a:schemeClr val="tx1"/>
                </a:solidFill>
                <a:latin typeface="Aptos" panose="020B0004020202020204" pitchFamily="34" charset="0"/>
              </a:defRPr>
            </a:lvl1pPr>
          </a:lstStyle>
          <a:p>
            <a:pPr lvl="0"/>
            <a:r>
              <a:rPr lang="nb-NO"/>
              <a:t>Klikk for å legge til tekst	</a:t>
            </a:r>
          </a:p>
        </p:txBody>
      </p:sp>
      <p:sp>
        <p:nvSpPr>
          <p:cNvPr id="26" name="Plassholder for tekst 6">
            <a:extLst>
              <a:ext uri="{FF2B5EF4-FFF2-40B4-BE49-F238E27FC236}">
                <a16:creationId xmlns:a16="http://schemas.microsoft.com/office/drawing/2014/main" id="{5704CB11-B115-1235-25B3-997F3526E540}"/>
              </a:ext>
            </a:extLst>
          </p:cNvPr>
          <p:cNvSpPr>
            <a:spLocks noGrp="1"/>
          </p:cNvSpPr>
          <p:nvPr>
            <p:ph type="body" sz="quarter" idx="37" hasCustomPrompt="1"/>
          </p:nvPr>
        </p:nvSpPr>
        <p:spPr>
          <a:xfrm>
            <a:off x="838200" y="4887938"/>
            <a:ext cx="3019926" cy="313898"/>
          </a:xfrm>
        </p:spPr>
        <p:txBody>
          <a:bodyPr anchor="t">
            <a:noAutofit/>
          </a:bodyPr>
          <a:lstStyle>
            <a:lvl1pPr marL="0" indent="0">
              <a:buNone/>
              <a:defRPr sz="1600" b="1">
                <a:solidFill>
                  <a:schemeClr val="tx1"/>
                </a:solidFill>
                <a:latin typeface="Aptos" panose="020B0004020202020204" pitchFamily="34" charset="0"/>
              </a:defRPr>
            </a:lvl1pPr>
          </a:lstStyle>
          <a:p>
            <a:pPr lvl="0"/>
            <a:r>
              <a:rPr lang="nb-NO"/>
              <a:t>Kontaktperson</a:t>
            </a:r>
          </a:p>
        </p:txBody>
      </p:sp>
      <p:pic>
        <p:nvPicPr>
          <p:cNvPr id="3" name="Bilde 2">
            <a:extLst>
              <a:ext uri="{FF2B5EF4-FFF2-40B4-BE49-F238E27FC236}">
                <a16:creationId xmlns:a16="http://schemas.microsoft.com/office/drawing/2014/main" id="{E01A74F8-28CB-3404-A59B-9BA2988B409A}"/>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10607673" y="6237845"/>
            <a:ext cx="1403351" cy="464977"/>
          </a:xfrm>
          <a:prstGeom prst="rect">
            <a:avLst/>
          </a:prstGeom>
        </p:spPr>
      </p:pic>
    </p:spTree>
    <p:extLst>
      <p:ext uri="{BB962C8B-B14F-4D97-AF65-F5344CB8AC3E}">
        <p14:creationId xmlns:p14="http://schemas.microsoft.com/office/powerpoint/2010/main" val="570469907"/>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Avslutting">
    <p:bg>
      <p:bgPr>
        <a:solidFill>
          <a:schemeClr val="bg2"/>
        </a:solidFill>
        <a:effectLst/>
      </p:bgPr>
    </p:bg>
    <p:spTree>
      <p:nvGrpSpPr>
        <p:cNvPr id="1" name=""/>
        <p:cNvGrpSpPr/>
        <p:nvPr/>
      </p:nvGrpSpPr>
      <p:grpSpPr>
        <a:xfrm>
          <a:off x="0" y="0"/>
          <a:ext cx="0" cy="0"/>
          <a:chOff x="0" y="0"/>
          <a:chExt cx="0" cy="0"/>
        </a:xfrm>
      </p:grpSpPr>
      <p:pic>
        <p:nvPicPr>
          <p:cNvPr id="4" name="Bilde 3">
            <a:extLst>
              <a:ext uri="{FF2B5EF4-FFF2-40B4-BE49-F238E27FC236}">
                <a16:creationId xmlns:a16="http://schemas.microsoft.com/office/drawing/2014/main" id="{D0DD72CF-8B80-D229-8DB4-6EB43F0B4AB6}"/>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338207" y="361508"/>
            <a:ext cx="371013" cy="560443"/>
          </a:xfrm>
          <a:prstGeom prst="rect">
            <a:avLst/>
          </a:prstGeom>
        </p:spPr>
      </p:pic>
      <p:pic>
        <p:nvPicPr>
          <p:cNvPr id="3" name="Bilde 2">
            <a:extLst>
              <a:ext uri="{FF2B5EF4-FFF2-40B4-BE49-F238E27FC236}">
                <a16:creationId xmlns:a16="http://schemas.microsoft.com/office/drawing/2014/main" id="{83AD9E85-F60E-18CE-37D9-42A57415FD23}"/>
              </a:ext>
            </a:extLst>
          </p:cNvPr>
          <p:cNvPicPr>
            <a:picLocks noChangeAspect="1"/>
          </p:cNvPicPr>
          <p:nvPr userDrawn="1"/>
        </p:nvPicPr>
        <p:blipFill>
          <a:blip r:embed="rId3"/>
          <a:stretch>
            <a:fillRect/>
          </a:stretch>
        </p:blipFill>
        <p:spPr>
          <a:xfrm>
            <a:off x="3052683" y="2419096"/>
            <a:ext cx="6086634" cy="2016705"/>
          </a:xfrm>
          <a:prstGeom prst="rect">
            <a:avLst/>
          </a:prstGeom>
        </p:spPr>
      </p:pic>
    </p:spTree>
    <p:extLst>
      <p:ext uri="{BB962C8B-B14F-4D97-AF65-F5344CB8AC3E}">
        <p14:creationId xmlns:p14="http://schemas.microsoft.com/office/powerpoint/2010/main" val="658971852"/>
      </p:ext>
    </p:extLst>
  </p:cSld>
  <p:clrMapOvr>
    <a:overrideClrMapping bg1="lt1" tx1="dk1" bg2="lt2" tx2="dk2" accent1="accent1" accent2="accent2" accent3="accent3" accent4="accent4" accent5="accent5" accent6="accent6" hlink="hlink" folHlink="folHlink"/>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type="title" preserve="1">
  <p:cSld name="Title Slide">
    <p:spTree>
      <p:nvGrpSpPr>
        <p:cNvPr id="1" name=""/>
        <p:cNvGrpSpPr/>
        <p:nvPr/>
      </p:nvGrpSpPr>
      <p:grpSpPr>
        <a:xfrm>
          <a:off x="0" y="0"/>
          <a:ext cx="0" cy="0"/>
          <a:chOff x="0" y="0"/>
          <a:chExt cx="0" cy="0"/>
        </a:xfrm>
      </p:grpSpPr>
      <p:grpSp>
        <p:nvGrpSpPr>
          <p:cNvPr id="4" name="Group 2"/>
          <p:cNvGrpSpPr>
            <a:grpSpLocks/>
          </p:cNvGrpSpPr>
          <p:nvPr/>
        </p:nvGrpSpPr>
        <p:grpSpPr bwMode="auto">
          <a:xfrm>
            <a:off x="0" y="0"/>
            <a:ext cx="12192000" cy="6858000"/>
            <a:chOff x="0" y="0"/>
            <a:chExt cx="5760" cy="4320"/>
          </a:xfrm>
        </p:grpSpPr>
        <p:sp>
          <p:nvSpPr>
            <p:cNvPr id="5" name="Rectangle 3"/>
            <p:cNvSpPr>
              <a:spLocks noChangeArrowheads="1"/>
            </p:cNvSpPr>
            <p:nvPr/>
          </p:nvSpPr>
          <p:spPr bwMode="hidden">
            <a:xfrm>
              <a:off x="0" y="0"/>
              <a:ext cx="2208" cy="4320"/>
            </a:xfrm>
            <a:prstGeom prst="rect">
              <a:avLst/>
            </a:prstGeom>
            <a:gradFill rotWithShape="0">
              <a:gsLst>
                <a:gs pos="0">
                  <a:schemeClr val="folHlink"/>
                </a:gs>
                <a:gs pos="100000">
                  <a:schemeClr val="bg1"/>
                </a:gs>
              </a:gsLst>
              <a:lin ang="0" scaled="1"/>
            </a:gradFill>
            <a:ln w="9525">
              <a:noFill/>
              <a:miter lim="800000"/>
              <a:headEnd/>
              <a:tailEnd/>
            </a:ln>
            <a:effectLst/>
          </p:spPr>
          <p:txBody>
            <a:bodyPr wrap="none" anchor="ctr"/>
            <a:lstStyle/>
            <a:p>
              <a:pPr algn="ctr">
                <a:defRPr/>
              </a:pPr>
              <a:endParaRPr lang="en-US" sz="2400">
                <a:latin typeface="Times New Roman" pitchFamily="18" charset="0"/>
              </a:endParaRPr>
            </a:p>
          </p:txBody>
        </p:sp>
        <p:sp>
          <p:nvSpPr>
            <p:cNvPr id="6" name="Rectangle 4"/>
            <p:cNvSpPr>
              <a:spLocks noChangeArrowheads="1"/>
            </p:cNvSpPr>
            <p:nvPr/>
          </p:nvSpPr>
          <p:spPr bwMode="hidden">
            <a:xfrm>
              <a:off x="1081" y="1065"/>
              <a:ext cx="4679" cy="1596"/>
            </a:xfrm>
            <a:prstGeom prst="rect">
              <a:avLst/>
            </a:prstGeom>
            <a:solidFill>
              <a:schemeClr val="bg2"/>
            </a:solidFill>
            <a:ln w="9525">
              <a:noFill/>
              <a:miter lim="800000"/>
              <a:headEnd/>
              <a:tailEnd/>
            </a:ln>
          </p:spPr>
          <p:txBody>
            <a:bodyPr/>
            <a:lstStyle/>
            <a:p>
              <a:pPr>
                <a:defRPr/>
              </a:pPr>
              <a:endParaRPr lang="en-US" sz="2400">
                <a:latin typeface="Times New Roman" pitchFamily="18" charset="0"/>
              </a:endParaRPr>
            </a:p>
          </p:txBody>
        </p:sp>
        <p:grpSp>
          <p:nvGrpSpPr>
            <p:cNvPr id="7" name="Group 5"/>
            <p:cNvGrpSpPr>
              <a:grpSpLocks/>
            </p:cNvGrpSpPr>
            <p:nvPr/>
          </p:nvGrpSpPr>
          <p:grpSpPr bwMode="auto">
            <a:xfrm>
              <a:off x="0" y="672"/>
              <a:ext cx="1806" cy="1989"/>
              <a:chOff x="0" y="672"/>
              <a:chExt cx="1806" cy="1989"/>
            </a:xfrm>
          </p:grpSpPr>
          <p:sp>
            <p:nvSpPr>
              <p:cNvPr id="8" name="Rectangle 6"/>
              <p:cNvSpPr>
                <a:spLocks noChangeArrowheads="1"/>
              </p:cNvSpPr>
              <p:nvPr userDrawn="1"/>
            </p:nvSpPr>
            <p:spPr bwMode="auto">
              <a:xfrm>
                <a:off x="361" y="2257"/>
                <a:ext cx="363" cy="404"/>
              </a:xfrm>
              <a:prstGeom prst="rect">
                <a:avLst/>
              </a:prstGeom>
              <a:solidFill>
                <a:schemeClr val="accent2"/>
              </a:solidFill>
              <a:ln w="9525">
                <a:noFill/>
                <a:miter lim="800000"/>
                <a:headEnd/>
                <a:tailEnd/>
              </a:ln>
            </p:spPr>
            <p:txBody>
              <a:bodyPr/>
              <a:lstStyle/>
              <a:p>
                <a:pPr>
                  <a:defRPr/>
                </a:pPr>
                <a:endParaRPr lang="en-US" sz="2400">
                  <a:latin typeface="Times New Roman" pitchFamily="18" charset="0"/>
                </a:endParaRPr>
              </a:p>
            </p:txBody>
          </p:sp>
          <p:sp>
            <p:nvSpPr>
              <p:cNvPr id="9" name="Rectangle 7"/>
              <p:cNvSpPr>
                <a:spLocks noChangeArrowheads="1"/>
              </p:cNvSpPr>
              <p:nvPr userDrawn="1"/>
            </p:nvSpPr>
            <p:spPr bwMode="auto">
              <a:xfrm>
                <a:off x="1081" y="1065"/>
                <a:ext cx="362" cy="405"/>
              </a:xfrm>
              <a:prstGeom prst="rect">
                <a:avLst/>
              </a:prstGeom>
              <a:solidFill>
                <a:schemeClr val="folHlink"/>
              </a:solidFill>
              <a:ln w="9525">
                <a:noFill/>
                <a:miter lim="800000"/>
                <a:headEnd/>
                <a:tailEnd/>
              </a:ln>
            </p:spPr>
            <p:txBody>
              <a:bodyPr/>
              <a:lstStyle/>
              <a:p>
                <a:pPr>
                  <a:defRPr/>
                </a:pPr>
                <a:endParaRPr lang="en-US" sz="2400">
                  <a:latin typeface="Times New Roman" pitchFamily="18" charset="0"/>
                </a:endParaRPr>
              </a:p>
            </p:txBody>
          </p:sp>
          <p:sp>
            <p:nvSpPr>
              <p:cNvPr id="10" name="Rectangle 8"/>
              <p:cNvSpPr>
                <a:spLocks noChangeArrowheads="1"/>
              </p:cNvSpPr>
              <p:nvPr userDrawn="1"/>
            </p:nvSpPr>
            <p:spPr bwMode="auto">
              <a:xfrm>
                <a:off x="1437" y="672"/>
                <a:ext cx="369" cy="400"/>
              </a:xfrm>
              <a:prstGeom prst="rect">
                <a:avLst/>
              </a:prstGeom>
              <a:solidFill>
                <a:schemeClr val="folHlink"/>
              </a:solidFill>
              <a:ln w="9525">
                <a:noFill/>
                <a:miter lim="800000"/>
                <a:headEnd/>
                <a:tailEnd/>
              </a:ln>
            </p:spPr>
            <p:txBody>
              <a:bodyPr/>
              <a:lstStyle/>
              <a:p>
                <a:pPr>
                  <a:defRPr/>
                </a:pPr>
                <a:endParaRPr lang="en-US" sz="2400">
                  <a:latin typeface="Times New Roman" pitchFamily="18" charset="0"/>
                </a:endParaRPr>
              </a:p>
            </p:txBody>
          </p:sp>
          <p:sp>
            <p:nvSpPr>
              <p:cNvPr id="11" name="Rectangle 9"/>
              <p:cNvSpPr>
                <a:spLocks noChangeArrowheads="1"/>
              </p:cNvSpPr>
              <p:nvPr userDrawn="1"/>
            </p:nvSpPr>
            <p:spPr bwMode="auto">
              <a:xfrm>
                <a:off x="719" y="2257"/>
                <a:ext cx="368" cy="404"/>
              </a:xfrm>
              <a:prstGeom prst="rect">
                <a:avLst/>
              </a:prstGeom>
              <a:solidFill>
                <a:schemeClr val="bg2"/>
              </a:solidFill>
              <a:ln w="9525">
                <a:noFill/>
                <a:miter lim="800000"/>
                <a:headEnd/>
                <a:tailEnd/>
              </a:ln>
            </p:spPr>
            <p:txBody>
              <a:bodyPr/>
              <a:lstStyle/>
              <a:p>
                <a:pPr>
                  <a:defRPr/>
                </a:pPr>
                <a:endParaRPr lang="en-US" sz="2400">
                  <a:latin typeface="Times New Roman" pitchFamily="18" charset="0"/>
                </a:endParaRPr>
              </a:p>
            </p:txBody>
          </p:sp>
          <p:sp>
            <p:nvSpPr>
              <p:cNvPr id="12" name="Rectangle 10"/>
              <p:cNvSpPr>
                <a:spLocks noChangeArrowheads="1"/>
              </p:cNvSpPr>
              <p:nvPr userDrawn="1"/>
            </p:nvSpPr>
            <p:spPr bwMode="auto">
              <a:xfrm>
                <a:off x="1437" y="1065"/>
                <a:ext cx="369" cy="405"/>
              </a:xfrm>
              <a:prstGeom prst="rect">
                <a:avLst/>
              </a:prstGeom>
              <a:solidFill>
                <a:schemeClr val="accent2"/>
              </a:solidFill>
              <a:ln w="9525">
                <a:noFill/>
                <a:miter lim="800000"/>
                <a:headEnd/>
                <a:tailEnd/>
              </a:ln>
            </p:spPr>
            <p:txBody>
              <a:bodyPr/>
              <a:lstStyle/>
              <a:p>
                <a:pPr>
                  <a:defRPr/>
                </a:pPr>
                <a:endParaRPr lang="en-US" sz="2400">
                  <a:latin typeface="Times New Roman" pitchFamily="18" charset="0"/>
                </a:endParaRPr>
              </a:p>
            </p:txBody>
          </p:sp>
          <p:sp>
            <p:nvSpPr>
              <p:cNvPr id="13" name="Rectangle 11"/>
              <p:cNvSpPr>
                <a:spLocks noChangeArrowheads="1"/>
              </p:cNvSpPr>
              <p:nvPr userDrawn="1"/>
            </p:nvSpPr>
            <p:spPr bwMode="auto">
              <a:xfrm>
                <a:off x="719" y="1464"/>
                <a:ext cx="368" cy="399"/>
              </a:xfrm>
              <a:prstGeom prst="rect">
                <a:avLst/>
              </a:prstGeom>
              <a:solidFill>
                <a:schemeClr val="folHlink"/>
              </a:solidFill>
              <a:ln w="9525">
                <a:noFill/>
                <a:miter lim="800000"/>
                <a:headEnd/>
                <a:tailEnd/>
              </a:ln>
            </p:spPr>
            <p:txBody>
              <a:bodyPr/>
              <a:lstStyle/>
              <a:p>
                <a:pPr>
                  <a:defRPr/>
                </a:pPr>
                <a:endParaRPr lang="en-US" sz="2400">
                  <a:latin typeface="Times New Roman" pitchFamily="18" charset="0"/>
                </a:endParaRPr>
              </a:p>
            </p:txBody>
          </p:sp>
          <p:sp>
            <p:nvSpPr>
              <p:cNvPr id="14" name="Rectangle 12"/>
              <p:cNvSpPr>
                <a:spLocks noChangeArrowheads="1"/>
              </p:cNvSpPr>
              <p:nvPr userDrawn="1"/>
            </p:nvSpPr>
            <p:spPr bwMode="auto">
              <a:xfrm>
                <a:off x="0" y="1464"/>
                <a:ext cx="367" cy="399"/>
              </a:xfrm>
              <a:prstGeom prst="rect">
                <a:avLst/>
              </a:prstGeom>
              <a:solidFill>
                <a:schemeClr val="bg2"/>
              </a:solidFill>
              <a:ln w="9525">
                <a:noFill/>
                <a:miter lim="800000"/>
                <a:headEnd/>
                <a:tailEnd/>
              </a:ln>
            </p:spPr>
            <p:txBody>
              <a:bodyPr/>
              <a:lstStyle/>
              <a:p>
                <a:pPr>
                  <a:defRPr/>
                </a:pPr>
                <a:endParaRPr lang="en-US" sz="2400">
                  <a:latin typeface="Times New Roman" pitchFamily="18" charset="0"/>
                </a:endParaRPr>
              </a:p>
            </p:txBody>
          </p:sp>
          <p:sp>
            <p:nvSpPr>
              <p:cNvPr id="15" name="Rectangle 13"/>
              <p:cNvSpPr>
                <a:spLocks noChangeArrowheads="1"/>
              </p:cNvSpPr>
              <p:nvPr userDrawn="1"/>
            </p:nvSpPr>
            <p:spPr bwMode="auto">
              <a:xfrm>
                <a:off x="1081" y="1464"/>
                <a:ext cx="362" cy="399"/>
              </a:xfrm>
              <a:prstGeom prst="rect">
                <a:avLst/>
              </a:prstGeom>
              <a:solidFill>
                <a:schemeClr val="accent2"/>
              </a:solidFill>
              <a:ln w="9525">
                <a:noFill/>
                <a:miter lim="800000"/>
                <a:headEnd/>
                <a:tailEnd/>
              </a:ln>
            </p:spPr>
            <p:txBody>
              <a:bodyPr/>
              <a:lstStyle/>
              <a:p>
                <a:pPr>
                  <a:defRPr/>
                </a:pPr>
                <a:endParaRPr lang="en-US" sz="2400">
                  <a:latin typeface="Times New Roman" pitchFamily="18" charset="0"/>
                </a:endParaRPr>
              </a:p>
            </p:txBody>
          </p:sp>
          <p:sp>
            <p:nvSpPr>
              <p:cNvPr id="16" name="Rectangle 14"/>
              <p:cNvSpPr>
                <a:spLocks noChangeArrowheads="1"/>
              </p:cNvSpPr>
              <p:nvPr userDrawn="1"/>
            </p:nvSpPr>
            <p:spPr bwMode="auto">
              <a:xfrm>
                <a:off x="361" y="1857"/>
                <a:ext cx="363" cy="406"/>
              </a:xfrm>
              <a:prstGeom prst="rect">
                <a:avLst/>
              </a:prstGeom>
              <a:solidFill>
                <a:schemeClr val="folHlink"/>
              </a:solidFill>
              <a:ln w="9525">
                <a:noFill/>
                <a:miter lim="800000"/>
                <a:headEnd/>
                <a:tailEnd/>
              </a:ln>
            </p:spPr>
            <p:txBody>
              <a:bodyPr/>
              <a:lstStyle/>
              <a:p>
                <a:pPr>
                  <a:defRPr/>
                </a:pPr>
                <a:endParaRPr lang="en-US" sz="2400">
                  <a:latin typeface="Times New Roman" pitchFamily="18" charset="0"/>
                </a:endParaRPr>
              </a:p>
            </p:txBody>
          </p:sp>
          <p:sp>
            <p:nvSpPr>
              <p:cNvPr id="17" name="Rectangle 15"/>
              <p:cNvSpPr>
                <a:spLocks noChangeArrowheads="1"/>
              </p:cNvSpPr>
              <p:nvPr userDrawn="1"/>
            </p:nvSpPr>
            <p:spPr bwMode="auto">
              <a:xfrm>
                <a:off x="719" y="1857"/>
                <a:ext cx="368" cy="406"/>
              </a:xfrm>
              <a:prstGeom prst="rect">
                <a:avLst/>
              </a:prstGeom>
              <a:solidFill>
                <a:schemeClr val="accent2"/>
              </a:solidFill>
              <a:ln w="9525">
                <a:noFill/>
                <a:miter lim="800000"/>
                <a:headEnd/>
                <a:tailEnd/>
              </a:ln>
            </p:spPr>
            <p:txBody>
              <a:bodyPr/>
              <a:lstStyle/>
              <a:p>
                <a:pPr>
                  <a:defRPr/>
                </a:pPr>
                <a:endParaRPr lang="en-US" sz="2400">
                  <a:latin typeface="Times New Roman" pitchFamily="18" charset="0"/>
                </a:endParaRPr>
              </a:p>
            </p:txBody>
          </p:sp>
        </p:grpSp>
      </p:grpSp>
      <p:sp>
        <p:nvSpPr>
          <p:cNvPr id="141331" name="Rectangle 19"/>
          <p:cNvSpPr>
            <a:spLocks noGrp="1" noChangeArrowheads="1"/>
          </p:cNvSpPr>
          <p:nvPr>
            <p:ph type="ctrTitle"/>
          </p:nvPr>
        </p:nvSpPr>
        <p:spPr>
          <a:xfrm>
            <a:off x="3962400" y="1828800"/>
            <a:ext cx="8026400" cy="2209800"/>
          </a:xfrm>
        </p:spPr>
        <p:txBody>
          <a:bodyPr/>
          <a:lstStyle>
            <a:lvl1pPr>
              <a:defRPr sz="5000">
                <a:solidFill>
                  <a:srgbClr val="FFFFFF"/>
                </a:solidFill>
              </a:defRPr>
            </a:lvl1pPr>
          </a:lstStyle>
          <a:p>
            <a:r>
              <a:rPr lang="en-US"/>
              <a:t>Klikk for å redigere tittelstil</a:t>
            </a:r>
          </a:p>
        </p:txBody>
      </p:sp>
      <p:sp>
        <p:nvSpPr>
          <p:cNvPr id="141332" name="Rectangle 20"/>
          <p:cNvSpPr>
            <a:spLocks noGrp="1" noChangeArrowheads="1"/>
          </p:cNvSpPr>
          <p:nvPr>
            <p:ph type="subTitle" idx="1"/>
          </p:nvPr>
        </p:nvSpPr>
        <p:spPr>
          <a:xfrm>
            <a:off x="3962400" y="4267200"/>
            <a:ext cx="8026400" cy="1752600"/>
          </a:xfrm>
        </p:spPr>
        <p:txBody>
          <a:bodyPr/>
          <a:lstStyle>
            <a:lvl1pPr marL="0" indent="0">
              <a:buFont typeface="Wingdings" pitchFamily="2" charset="2"/>
              <a:buNone/>
              <a:defRPr sz="3400"/>
            </a:lvl1pPr>
          </a:lstStyle>
          <a:p>
            <a:r>
              <a:rPr lang="en-US"/>
              <a:t>Klikk for å redigere undertittelstil i malen</a:t>
            </a:r>
          </a:p>
        </p:txBody>
      </p:sp>
      <p:sp>
        <p:nvSpPr>
          <p:cNvPr id="18" name="Rectangle 16"/>
          <p:cNvSpPr>
            <a:spLocks noGrp="1" noChangeArrowheads="1"/>
          </p:cNvSpPr>
          <p:nvPr>
            <p:ph type="dt" sz="half" idx="10"/>
          </p:nvPr>
        </p:nvSpPr>
        <p:spPr>
          <a:xfrm>
            <a:off x="609600" y="6248400"/>
            <a:ext cx="2844800" cy="457200"/>
          </a:xfrm>
        </p:spPr>
        <p:txBody>
          <a:bodyPr/>
          <a:lstStyle>
            <a:lvl1pPr>
              <a:defRPr/>
            </a:lvl1pPr>
          </a:lstStyle>
          <a:p>
            <a:pPr>
              <a:defRPr/>
            </a:pPr>
            <a:r>
              <a:rPr lang="en-US"/>
              <a:t>01.03.2010</a:t>
            </a:r>
          </a:p>
        </p:txBody>
      </p:sp>
      <p:sp>
        <p:nvSpPr>
          <p:cNvPr id="19" name="Rectangle 17"/>
          <p:cNvSpPr>
            <a:spLocks noGrp="1" noChangeArrowheads="1"/>
          </p:cNvSpPr>
          <p:nvPr>
            <p:ph type="ftr" sz="quarter" idx="11"/>
          </p:nvPr>
        </p:nvSpPr>
        <p:spPr>
          <a:xfrm>
            <a:off x="4165600" y="6248400"/>
            <a:ext cx="3860800" cy="457200"/>
          </a:xfrm>
        </p:spPr>
        <p:txBody>
          <a:bodyPr/>
          <a:lstStyle>
            <a:lvl1pPr>
              <a:defRPr b="0">
                <a:solidFill>
                  <a:schemeClr val="tx1"/>
                </a:solidFill>
                <a:latin typeface="+mn-lt"/>
              </a:defRPr>
            </a:lvl1pPr>
          </a:lstStyle>
          <a:p>
            <a:pPr>
              <a:defRPr/>
            </a:pPr>
            <a:endParaRPr lang="en-US"/>
          </a:p>
        </p:txBody>
      </p:sp>
      <p:sp>
        <p:nvSpPr>
          <p:cNvPr id="20" name="Rectangle 18"/>
          <p:cNvSpPr>
            <a:spLocks noGrp="1" noChangeArrowheads="1"/>
          </p:cNvSpPr>
          <p:nvPr>
            <p:ph type="sldNum" sz="quarter" idx="12"/>
          </p:nvPr>
        </p:nvSpPr>
        <p:spPr>
          <a:xfrm>
            <a:off x="8737600" y="6248400"/>
            <a:ext cx="2844800" cy="457200"/>
          </a:xfrm>
        </p:spPr>
        <p:txBody>
          <a:bodyPr/>
          <a:lstStyle>
            <a:lvl1pPr>
              <a:defRPr>
                <a:solidFill>
                  <a:schemeClr val="tx1"/>
                </a:solidFill>
              </a:defRPr>
            </a:lvl1pPr>
          </a:lstStyle>
          <a:p>
            <a:pPr>
              <a:defRPr/>
            </a:pPr>
            <a:fld id="{589895AD-AB67-4ABA-87BD-CB0853E6DF40}" type="slidenum">
              <a:rPr lang="en-US"/>
              <a:pPr>
                <a:defRPr/>
              </a:pPr>
              <a:t>‹#›</a:t>
            </a:fld>
            <a:endParaRPr lang="en-US"/>
          </a:p>
        </p:txBody>
      </p:sp>
    </p:spTree>
    <p:extLst>
      <p:ext uri="{BB962C8B-B14F-4D97-AF65-F5344CB8AC3E}">
        <p14:creationId xmlns:p14="http://schemas.microsoft.com/office/powerpoint/2010/main" val="283030961"/>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Footer Placeholder 3"/>
          <p:cNvSpPr>
            <a:spLocks noGrp="1"/>
          </p:cNvSpPr>
          <p:nvPr>
            <p:ph type="ftr" sz="quarter" idx="10"/>
          </p:nvPr>
        </p:nvSpPr>
        <p:spPr/>
        <p:txBody>
          <a:bodyPr/>
          <a:lstStyle>
            <a:lvl1pPr>
              <a:defRPr/>
            </a:lvl1pPr>
          </a:lstStyle>
          <a:p>
            <a:pPr>
              <a:defRPr/>
            </a:pPr>
            <a:endParaRPr lang="en-US"/>
          </a:p>
        </p:txBody>
      </p:sp>
      <p:sp>
        <p:nvSpPr>
          <p:cNvPr id="5" name="Slide Number Placeholder 4"/>
          <p:cNvSpPr>
            <a:spLocks noGrp="1"/>
          </p:cNvSpPr>
          <p:nvPr>
            <p:ph type="sldNum" sz="quarter" idx="11"/>
          </p:nvPr>
        </p:nvSpPr>
        <p:spPr/>
        <p:txBody>
          <a:bodyPr/>
          <a:lstStyle>
            <a:lvl1pPr>
              <a:defRPr/>
            </a:lvl1pPr>
          </a:lstStyle>
          <a:p>
            <a:pPr>
              <a:defRPr/>
            </a:pPr>
            <a:fld id="{247B0619-9F6E-41AA-AAFB-FC9846E0271E}" type="slidenum">
              <a:rPr lang="en-US"/>
              <a:pPr>
                <a:defRPr/>
              </a:pPr>
              <a:t>‹#›</a:t>
            </a:fld>
            <a:endParaRPr lang="en-US"/>
          </a:p>
        </p:txBody>
      </p:sp>
      <p:sp>
        <p:nvSpPr>
          <p:cNvPr id="6" name="Date Placeholder 5"/>
          <p:cNvSpPr>
            <a:spLocks noGrp="1"/>
          </p:cNvSpPr>
          <p:nvPr>
            <p:ph type="dt" sz="half" idx="12"/>
          </p:nvPr>
        </p:nvSpPr>
        <p:spPr/>
        <p:txBody>
          <a:bodyPr/>
          <a:lstStyle>
            <a:lvl1pPr>
              <a:defRPr/>
            </a:lvl1pPr>
          </a:lstStyle>
          <a:p>
            <a:pPr>
              <a:defRPr/>
            </a:pPr>
            <a:endParaRPr lang="en-US"/>
          </a:p>
        </p:txBody>
      </p:sp>
    </p:spTree>
    <p:extLst>
      <p:ext uri="{BB962C8B-B14F-4D97-AF65-F5344CB8AC3E}">
        <p14:creationId xmlns:p14="http://schemas.microsoft.com/office/powerpoint/2010/main" val="1082220739"/>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963084" y="4406901"/>
            <a:ext cx="10363200" cy="1362075"/>
          </a:xfrm>
        </p:spPr>
        <p:txBody>
          <a:bodyPr anchor="t"/>
          <a:lstStyle>
            <a:lvl1pPr algn="l">
              <a:defRPr sz="4000" b="1" cap="all"/>
            </a:lvl1pPr>
          </a:lstStyle>
          <a:p>
            <a:r>
              <a:rPr lang="en-US"/>
              <a:t>Click to edit Master title style</a:t>
            </a:r>
          </a:p>
        </p:txBody>
      </p:sp>
      <p:sp>
        <p:nvSpPr>
          <p:cNvPr id="3" name="Text Placeholder 2"/>
          <p:cNvSpPr>
            <a:spLocks noGrp="1"/>
          </p:cNvSpPr>
          <p:nvPr>
            <p:ph type="body" idx="1"/>
          </p:nvPr>
        </p:nvSpPr>
        <p:spPr>
          <a:xfrm>
            <a:off x="963084" y="2906713"/>
            <a:ext cx="10363200" cy="1500187"/>
          </a:xfrm>
        </p:spPr>
        <p:txBody>
          <a:bodyPr anchor="b"/>
          <a:lstStyle>
            <a:lvl1pPr marL="0" indent="0">
              <a:buNone/>
              <a:defRPr sz="2000"/>
            </a:lvl1pPr>
            <a:lvl2pPr marL="457200" indent="0">
              <a:buNone/>
              <a:defRPr sz="1800"/>
            </a:lvl2pPr>
            <a:lvl3pPr marL="914400" indent="0">
              <a:buNone/>
              <a:defRPr sz="1600"/>
            </a:lvl3pPr>
            <a:lvl4pPr marL="1371600" indent="0">
              <a:buNone/>
              <a:defRPr sz="1400"/>
            </a:lvl4pPr>
            <a:lvl5pPr marL="1828800" indent="0">
              <a:buNone/>
              <a:defRPr sz="1400"/>
            </a:lvl5pPr>
            <a:lvl6pPr marL="2286000" indent="0">
              <a:buNone/>
              <a:defRPr sz="1400"/>
            </a:lvl6pPr>
            <a:lvl7pPr marL="2743200" indent="0">
              <a:buNone/>
              <a:defRPr sz="1400"/>
            </a:lvl7pPr>
            <a:lvl8pPr marL="3200400" indent="0">
              <a:buNone/>
              <a:defRPr sz="1400"/>
            </a:lvl8pPr>
            <a:lvl9pPr marL="3657600" indent="0">
              <a:buNone/>
              <a:defRPr sz="1400"/>
            </a:lvl9pPr>
          </a:lstStyle>
          <a:p>
            <a:pPr lvl="0"/>
            <a:r>
              <a:rPr lang="en-US"/>
              <a:t>Click to edit Master text styles</a:t>
            </a:r>
          </a:p>
        </p:txBody>
      </p:sp>
      <p:sp>
        <p:nvSpPr>
          <p:cNvPr id="4" name="Footer Placeholder 3"/>
          <p:cNvSpPr>
            <a:spLocks noGrp="1"/>
          </p:cNvSpPr>
          <p:nvPr>
            <p:ph type="ftr" sz="quarter" idx="10"/>
          </p:nvPr>
        </p:nvSpPr>
        <p:spPr/>
        <p:txBody>
          <a:bodyPr/>
          <a:lstStyle>
            <a:lvl1pPr>
              <a:defRPr/>
            </a:lvl1pPr>
          </a:lstStyle>
          <a:p>
            <a:pPr>
              <a:defRPr/>
            </a:pPr>
            <a:r>
              <a:rPr lang="nb-NO"/>
              <a:t>NfN - NORSK NETTVERK FOR NÆRINGSEIENDOM</a:t>
            </a:r>
            <a:r>
              <a:rPr lang="nb-NO" b="0">
                <a:solidFill>
                  <a:schemeClr val="accent1"/>
                </a:solidFill>
              </a:rPr>
              <a:t> </a:t>
            </a:r>
            <a:r>
              <a:rPr lang="nb-NO"/>
              <a:t>Norwegian Facility Management Network</a:t>
            </a:r>
            <a:endParaRPr lang="en-US"/>
          </a:p>
        </p:txBody>
      </p:sp>
      <p:sp>
        <p:nvSpPr>
          <p:cNvPr id="5" name="Slide Number Placeholder 4"/>
          <p:cNvSpPr>
            <a:spLocks noGrp="1"/>
          </p:cNvSpPr>
          <p:nvPr>
            <p:ph type="sldNum" sz="quarter" idx="11"/>
          </p:nvPr>
        </p:nvSpPr>
        <p:spPr/>
        <p:txBody>
          <a:bodyPr/>
          <a:lstStyle>
            <a:lvl1pPr>
              <a:defRPr/>
            </a:lvl1pPr>
          </a:lstStyle>
          <a:p>
            <a:pPr>
              <a:defRPr/>
            </a:pPr>
            <a:fld id="{B40BA32D-BE36-4C25-B6DC-AF44B9363262}" type="slidenum">
              <a:rPr lang="en-US"/>
              <a:pPr>
                <a:defRPr/>
              </a:pPr>
              <a:t>‹#›</a:t>
            </a:fld>
            <a:endParaRPr lang="en-US"/>
          </a:p>
        </p:txBody>
      </p:sp>
      <p:sp>
        <p:nvSpPr>
          <p:cNvPr id="6" name="Date Placeholder 5"/>
          <p:cNvSpPr>
            <a:spLocks noGrp="1"/>
          </p:cNvSpPr>
          <p:nvPr>
            <p:ph type="dt" sz="half" idx="12"/>
          </p:nvPr>
        </p:nvSpPr>
        <p:spPr/>
        <p:txBody>
          <a:bodyPr/>
          <a:lstStyle>
            <a:lvl1pPr>
              <a:defRPr/>
            </a:lvl1pPr>
          </a:lstStyle>
          <a:p>
            <a:pPr>
              <a:defRPr/>
            </a:pPr>
            <a:endParaRPr lang="en-US"/>
          </a:p>
        </p:txBody>
      </p:sp>
    </p:spTree>
    <p:extLst>
      <p:ext uri="{BB962C8B-B14F-4D97-AF65-F5344CB8AC3E}">
        <p14:creationId xmlns:p14="http://schemas.microsoft.com/office/powerpoint/2010/main" val="4144093481"/>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609600" y="1981200"/>
            <a:ext cx="5384800" cy="3886200"/>
          </a:xfrm>
        </p:spPr>
        <p:txBody>
          <a:bodyPr/>
          <a:lstStyle>
            <a:lvl1pPr>
              <a:defRPr sz="2800"/>
            </a:lvl1pPr>
            <a:lvl2pPr>
              <a:defRPr sz="2400"/>
            </a:lvl2pPr>
            <a:lvl3pPr>
              <a:defRPr sz="20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197600" y="1981200"/>
            <a:ext cx="5384800" cy="3886200"/>
          </a:xfrm>
        </p:spPr>
        <p:txBody>
          <a:bodyPr/>
          <a:lstStyle>
            <a:lvl1pPr>
              <a:defRPr sz="2800"/>
            </a:lvl1pPr>
            <a:lvl2pPr>
              <a:defRPr sz="2400"/>
            </a:lvl2pPr>
            <a:lvl3pPr>
              <a:defRPr sz="20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p:cNvSpPr>
            <a:spLocks noGrp="1"/>
          </p:cNvSpPr>
          <p:nvPr>
            <p:ph type="ftr" sz="quarter" idx="10"/>
          </p:nvPr>
        </p:nvSpPr>
        <p:spPr/>
        <p:txBody>
          <a:bodyPr/>
          <a:lstStyle>
            <a:lvl1pPr>
              <a:defRPr/>
            </a:lvl1pPr>
          </a:lstStyle>
          <a:p>
            <a:pPr>
              <a:defRPr/>
            </a:pPr>
            <a:r>
              <a:rPr lang="nb-NO"/>
              <a:t>NfN - NORSK NETTVERK FOR NÆRINGSEIENDOM</a:t>
            </a:r>
            <a:r>
              <a:rPr lang="nb-NO" b="0">
                <a:solidFill>
                  <a:schemeClr val="accent1"/>
                </a:solidFill>
              </a:rPr>
              <a:t> </a:t>
            </a:r>
            <a:r>
              <a:rPr lang="nb-NO"/>
              <a:t>Norwegian Facility Management Network</a:t>
            </a:r>
            <a:endParaRPr lang="en-US"/>
          </a:p>
        </p:txBody>
      </p:sp>
      <p:sp>
        <p:nvSpPr>
          <p:cNvPr id="6" name="Slide Number Placeholder 5"/>
          <p:cNvSpPr>
            <a:spLocks noGrp="1"/>
          </p:cNvSpPr>
          <p:nvPr>
            <p:ph type="sldNum" sz="quarter" idx="11"/>
          </p:nvPr>
        </p:nvSpPr>
        <p:spPr/>
        <p:txBody>
          <a:bodyPr/>
          <a:lstStyle>
            <a:lvl1pPr>
              <a:defRPr/>
            </a:lvl1pPr>
          </a:lstStyle>
          <a:p>
            <a:pPr>
              <a:defRPr/>
            </a:pPr>
            <a:fld id="{F0BA6984-9ACB-4E76-B1C8-DF4CEFE456E6}" type="slidenum">
              <a:rPr lang="en-US"/>
              <a:pPr>
                <a:defRPr/>
              </a:pPr>
              <a:t>‹#›</a:t>
            </a:fld>
            <a:endParaRPr lang="en-US"/>
          </a:p>
        </p:txBody>
      </p:sp>
      <p:sp>
        <p:nvSpPr>
          <p:cNvPr id="7" name="Date Placeholder 6"/>
          <p:cNvSpPr>
            <a:spLocks noGrp="1"/>
          </p:cNvSpPr>
          <p:nvPr>
            <p:ph type="dt" sz="half" idx="12"/>
          </p:nvPr>
        </p:nvSpPr>
        <p:spPr/>
        <p:txBody>
          <a:bodyPr/>
          <a:lstStyle>
            <a:lvl1pPr>
              <a:defRPr/>
            </a:lvl1pPr>
          </a:lstStyle>
          <a:p>
            <a:pPr>
              <a:defRPr/>
            </a:pPr>
            <a:endParaRPr lang="en-US"/>
          </a:p>
        </p:txBody>
      </p:sp>
    </p:spTree>
    <p:extLst>
      <p:ext uri="{BB962C8B-B14F-4D97-AF65-F5344CB8AC3E}">
        <p14:creationId xmlns:p14="http://schemas.microsoft.com/office/powerpoint/2010/main" val="1597111849"/>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609600" y="274638"/>
            <a:ext cx="10972800" cy="1143000"/>
          </a:xfrm>
        </p:spPr>
        <p:txBody>
          <a:bodyPr/>
          <a:lstStyle>
            <a:lvl1pPr>
              <a:defRPr/>
            </a:lvl1pPr>
          </a:lstStyle>
          <a:p>
            <a:r>
              <a:rPr lang="en-US"/>
              <a:t>Click to edit Master title style</a:t>
            </a:r>
          </a:p>
        </p:txBody>
      </p:sp>
      <p:sp>
        <p:nvSpPr>
          <p:cNvPr id="3" name="Text Placeholder 2"/>
          <p:cNvSpPr>
            <a:spLocks noGrp="1"/>
          </p:cNvSpPr>
          <p:nvPr>
            <p:ph type="body" idx="1"/>
          </p:nvPr>
        </p:nvSpPr>
        <p:spPr>
          <a:xfrm>
            <a:off x="609600" y="1535113"/>
            <a:ext cx="5386917" cy="63976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609600" y="2174875"/>
            <a:ext cx="5386917" cy="3951288"/>
          </a:xfrm>
        </p:spPr>
        <p:txBody>
          <a:bodyPr/>
          <a:lstStyle>
            <a:lvl1pPr>
              <a:defRPr sz="2400"/>
            </a:lvl1pPr>
            <a:lvl2pPr>
              <a:defRPr sz="2000"/>
            </a:lvl2pPr>
            <a:lvl3pPr>
              <a:defRPr sz="1800"/>
            </a:lvl3pPr>
            <a:lvl4pPr>
              <a:defRPr sz="1600"/>
            </a:lvl4pPr>
            <a:lvl5pPr>
              <a:defRPr sz="16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p:cNvSpPr>
            <a:spLocks noGrp="1"/>
          </p:cNvSpPr>
          <p:nvPr>
            <p:ph type="body" sz="quarter" idx="3"/>
          </p:nvPr>
        </p:nvSpPr>
        <p:spPr>
          <a:xfrm>
            <a:off x="6193368" y="1535113"/>
            <a:ext cx="5389033" cy="63976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193368" y="2174875"/>
            <a:ext cx="5389033" cy="3951288"/>
          </a:xfrm>
        </p:spPr>
        <p:txBody>
          <a:bodyPr/>
          <a:lstStyle>
            <a:lvl1pPr>
              <a:defRPr sz="2400"/>
            </a:lvl1pPr>
            <a:lvl2pPr>
              <a:defRPr sz="2000"/>
            </a:lvl2pPr>
            <a:lvl3pPr>
              <a:defRPr sz="1800"/>
            </a:lvl3pPr>
            <a:lvl4pPr>
              <a:defRPr sz="1600"/>
            </a:lvl4pPr>
            <a:lvl5pPr>
              <a:defRPr sz="16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Footer Placeholder 6"/>
          <p:cNvSpPr>
            <a:spLocks noGrp="1"/>
          </p:cNvSpPr>
          <p:nvPr>
            <p:ph type="ftr" sz="quarter" idx="10"/>
          </p:nvPr>
        </p:nvSpPr>
        <p:spPr/>
        <p:txBody>
          <a:bodyPr/>
          <a:lstStyle>
            <a:lvl1pPr>
              <a:defRPr/>
            </a:lvl1pPr>
          </a:lstStyle>
          <a:p>
            <a:pPr>
              <a:defRPr/>
            </a:pPr>
            <a:r>
              <a:rPr lang="nb-NO"/>
              <a:t>NfN - NORSK NETTVERK FOR NÆRINGSEIENDOM</a:t>
            </a:r>
            <a:r>
              <a:rPr lang="nb-NO" b="0">
                <a:solidFill>
                  <a:schemeClr val="accent1"/>
                </a:solidFill>
              </a:rPr>
              <a:t> </a:t>
            </a:r>
            <a:r>
              <a:rPr lang="nb-NO"/>
              <a:t>Norwegian Facility Management Network</a:t>
            </a:r>
            <a:endParaRPr lang="en-US"/>
          </a:p>
        </p:txBody>
      </p:sp>
      <p:sp>
        <p:nvSpPr>
          <p:cNvPr id="8" name="Slide Number Placeholder 7"/>
          <p:cNvSpPr>
            <a:spLocks noGrp="1"/>
          </p:cNvSpPr>
          <p:nvPr>
            <p:ph type="sldNum" sz="quarter" idx="11"/>
          </p:nvPr>
        </p:nvSpPr>
        <p:spPr/>
        <p:txBody>
          <a:bodyPr/>
          <a:lstStyle>
            <a:lvl1pPr>
              <a:defRPr/>
            </a:lvl1pPr>
          </a:lstStyle>
          <a:p>
            <a:pPr>
              <a:defRPr/>
            </a:pPr>
            <a:fld id="{B8D33C5B-BCD3-4DE5-AC27-1CABF7792B82}" type="slidenum">
              <a:rPr lang="en-US"/>
              <a:pPr>
                <a:defRPr/>
              </a:pPr>
              <a:t>‹#›</a:t>
            </a:fld>
            <a:endParaRPr lang="en-US"/>
          </a:p>
        </p:txBody>
      </p:sp>
      <p:sp>
        <p:nvSpPr>
          <p:cNvPr id="9" name="Date Placeholder 8"/>
          <p:cNvSpPr>
            <a:spLocks noGrp="1"/>
          </p:cNvSpPr>
          <p:nvPr>
            <p:ph type="dt" sz="half" idx="12"/>
          </p:nvPr>
        </p:nvSpPr>
        <p:spPr/>
        <p:txBody>
          <a:bodyPr/>
          <a:lstStyle>
            <a:lvl1pPr>
              <a:defRPr/>
            </a:lvl1pPr>
          </a:lstStyle>
          <a:p>
            <a:pPr>
              <a:defRPr/>
            </a:pPr>
            <a:endParaRPr lang="en-US"/>
          </a:p>
        </p:txBody>
      </p:sp>
    </p:spTree>
    <p:extLst>
      <p:ext uri="{BB962C8B-B14F-4D97-AF65-F5344CB8AC3E}">
        <p14:creationId xmlns:p14="http://schemas.microsoft.com/office/powerpoint/2010/main" val="232891300"/>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Footer Placeholder 2"/>
          <p:cNvSpPr>
            <a:spLocks noGrp="1"/>
          </p:cNvSpPr>
          <p:nvPr>
            <p:ph type="ftr" sz="quarter" idx="10"/>
          </p:nvPr>
        </p:nvSpPr>
        <p:spPr/>
        <p:txBody>
          <a:bodyPr/>
          <a:lstStyle>
            <a:lvl1pPr>
              <a:defRPr/>
            </a:lvl1pPr>
          </a:lstStyle>
          <a:p>
            <a:pPr>
              <a:defRPr/>
            </a:pPr>
            <a:r>
              <a:rPr lang="nb-NO"/>
              <a:t>NfN - NORSK NETTVERK FOR NÆRINGSEIENDOM</a:t>
            </a:r>
            <a:r>
              <a:rPr lang="nb-NO" b="0">
                <a:solidFill>
                  <a:schemeClr val="accent1"/>
                </a:solidFill>
              </a:rPr>
              <a:t> </a:t>
            </a:r>
            <a:r>
              <a:rPr lang="nb-NO"/>
              <a:t>Norwegian Facility Management Network</a:t>
            </a:r>
            <a:endParaRPr lang="en-US"/>
          </a:p>
        </p:txBody>
      </p:sp>
      <p:sp>
        <p:nvSpPr>
          <p:cNvPr id="4" name="Slide Number Placeholder 3"/>
          <p:cNvSpPr>
            <a:spLocks noGrp="1"/>
          </p:cNvSpPr>
          <p:nvPr>
            <p:ph type="sldNum" sz="quarter" idx="11"/>
          </p:nvPr>
        </p:nvSpPr>
        <p:spPr/>
        <p:txBody>
          <a:bodyPr/>
          <a:lstStyle>
            <a:lvl1pPr>
              <a:defRPr/>
            </a:lvl1pPr>
          </a:lstStyle>
          <a:p>
            <a:pPr>
              <a:defRPr/>
            </a:pPr>
            <a:fld id="{7800D452-A239-4758-A610-B6E8E51988A7}" type="slidenum">
              <a:rPr lang="en-US"/>
              <a:pPr>
                <a:defRPr/>
              </a:pPr>
              <a:t>‹#›</a:t>
            </a:fld>
            <a:endParaRPr lang="en-US"/>
          </a:p>
        </p:txBody>
      </p:sp>
      <p:sp>
        <p:nvSpPr>
          <p:cNvPr id="5" name="Date Placeholder 4"/>
          <p:cNvSpPr>
            <a:spLocks noGrp="1"/>
          </p:cNvSpPr>
          <p:nvPr>
            <p:ph type="dt" sz="half" idx="12"/>
          </p:nvPr>
        </p:nvSpPr>
        <p:spPr/>
        <p:txBody>
          <a:bodyPr/>
          <a:lstStyle>
            <a:lvl1pPr>
              <a:defRPr/>
            </a:lvl1pPr>
          </a:lstStyle>
          <a:p>
            <a:pPr>
              <a:defRPr/>
            </a:pPr>
            <a:endParaRPr lang="en-US"/>
          </a:p>
        </p:txBody>
      </p:sp>
    </p:spTree>
    <p:extLst>
      <p:ext uri="{BB962C8B-B14F-4D97-AF65-F5344CB8AC3E}">
        <p14:creationId xmlns:p14="http://schemas.microsoft.com/office/powerpoint/2010/main" val="2494150664"/>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pPr>
              <a:defRPr/>
            </a:pPr>
            <a:r>
              <a:rPr lang="nb-NO"/>
              <a:t>NfN - NORSK NETTVERK FOR NÆRINGSEIENDOM</a:t>
            </a:r>
            <a:r>
              <a:rPr lang="nb-NO" b="0">
                <a:solidFill>
                  <a:schemeClr val="accent1"/>
                </a:solidFill>
              </a:rPr>
              <a:t> </a:t>
            </a:r>
            <a:r>
              <a:rPr lang="nb-NO"/>
              <a:t>Norwegian Facility Management Network</a:t>
            </a:r>
            <a:endParaRPr lang="en-US"/>
          </a:p>
        </p:txBody>
      </p:sp>
      <p:sp>
        <p:nvSpPr>
          <p:cNvPr id="3" name="Slide Number Placeholder 2"/>
          <p:cNvSpPr>
            <a:spLocks noGrp="1"/>
          </p:cNvSpPr>
          <p:nvPr>
            <p:ph type="sldNum" sz="quarter" idx="11"/>
          </p:nvPr>
        </p:nvSpPr>
        <p:spPr/>
        <p:txBody>
          <a:bodyPr/>
          <a:lstStyle>
            <a:lvl1pPr>
              <a:defRPr/>
            </a:lvl1pPr>
          </a:lstStyle>
          <a:p>
            <a:pPr>
              <a:defRPr/>
            </a:pPr>
            <a:fld id="{6AD53AAE-01F6-446D-981B-91A4DC46A868}" type="slidenum">
              <a:rPr lang="en-US"/>
              <a:pPr>
                <a:defRPr/>
              </a:pPr>
              <a:t>‹#›</a:t>
            </a:fld>
            <a:endParaRPr lang="en-US"/>
          </a:p>
        </p:txBody>
      </p:sp>
      <p:sp>
        <p:nvSpPr>
          <p:cNvPr id="4" name="Date Placeholder 3"/>
          <p:cNvSpPr>
            <a:spLocks noGrp="1"/>
          </p:cNvSpPr>
          <p:nvPr>
            <p:ph type="dt" sz="half" idx="12"/>
          </p:nvPr>
        </p:nvSpPr>
        <p:spPr/>
        <p:txBody>
          <a:bodyPr/>
          <a:lstStyle>
            <a:lvl1pPr>
              <a:defRPr/>
            </a:lvl1pPr>
          </a:lstStyle>
          <a:p>
            <a:pPr>
              <a:defRPr/>
            </a:pPr>
            <a:endParaRPr lang="en-US"/>
          </a:p>
        </p:txBody>
      </p:sp>
    </p:spTree>
    <p:extLst>
      <p:ext uri="{BB962C8B-B14F-4D97-AF65-F5344CB8AC3E}">
        <p14:creationId xmlns:p14="http://schemas.microsoft.com/office/powerpoint/2010/main" val="3351125755"/>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heme" Target="../theme/theme1.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59.xml"/><Relationship Id="rId18" Type="http://schemas.openxmlformats.org/officeDocument/2006/relationships/slideLayout" Target="../slideLayouts/slideLayout64.xml"/><Relationship Id="rId26" Type="http://schemas.openxmlformats.org/officeDocument/2006/relationships/slideLayout" Target="../slideLayouts/slideLayout72.xml"/><Relationship Id="rId39" Type="http://schemas.openxmlformats.org/officeDocument/2006/relationships/slideLayout" Target="../slideLayouts/slideLayout85.xml"/><Relationship Id="rId21" Type="http://schemas.openxmlformats.org/officeDocument/2006/relationships/slideLayout" Target="../slideLayouts/slideLayout67.xml"/><Relationship Id="rId34" Type="http://schemas.openxmlformats.org/officeDocument/2006/relationships/slideLayout" Target="../slideLayouts/slideLayout80.xml"/><Relationship Id="rId42" Type="http://schemas.openxmlformats.org/officeDocument/2006/relationships/slideLayout" Target="../slideLayouts/slideLayout88.xml"/><Relationship Id="rId47" Type="http://schemas.openxmlformats.org/officeDocument/2006/relationships/theme" Target="../theme/theme2.xml"/><Relationship Id="rId7" Type="http://schemas.openxmlformats.org/officeDocument/2006/relationships/slideLayout" Target="../slideLayouts/slideLayout53.xml"/><Relationship Id="rId2" Type="http://schemas.openxmlformats.org/officeDocument/2006/relationships/slideLayout" Target="../slideLayouts/slideLayout48.xml"/><Relationship Id="rId16" Type="http://schemas.openxmlformats.org/officeDocument/2006/relationships/slideLayout" Target="../slideLayouts/slideLayout62.xml"/><Relationship Id="rId29" Type="http://schemas.openxmlformats.org/officeDocument/2006/relationships/slideLayout" Target="../slideLayouts/slideLayout75.xml"/><Relationship Id="rId1" Type="http://schemas.openxmlformats.org/officeDocument/2006/relationships/slideLayout" Target="../slideLayouts/slideLayout47.xml"/><Relationship Id="rId6" Type="http://schemas.openxmlformats.org/officeDocument/2006/relationships/slideLayout" Target="../slideLayouts/slideLayout52.xml"/><Relationship Id="rId11" Type="http://schemas.openxmlformats.org/officeDocument/2006/relationships/slideLayout" Target="../slideLayouts/slideLayout57.xml"/><Relationship Id="rId24" Type="http://schemas.openxmlformats.org/officeDocument/2006/relationships/slideLayout" Target="../slideLayouts/slideLayout70.xml"/><Relationship Id="rId32" Type="http://schemas.openxmlformats.org/officeDocument/2006/relationships/slideLayout" Target="../slideLayouts/slideLayout78.xml"/><Relationship Id="rId37" Type="http://schemas.openxmlformats.org/officeDocument/2006/relationships/slideLayout" Target="../slideLayouts/slideLayout83.xml"/><Relationship Id="rId40" Type="http://schemas.openxmlformats.org/officeDocument/2006/relationships/slideLayout" Target="../slideLayouts/slideLayout86.xml"/><Relationship Id="rId45" Type="http://schemas.openxmlformats.org/officeDocument/2006/relationships/slideLayout" Target="../slideLayouts/slideLayout91.xml"/><Relationship Id="rId5" Type="http://schemas.openxmlformats.org/officeDocument/2006/relationships/slideLayout" Target="../slideLayouts/slideLayout51.xml"/><Relationship Id="rId15" Type="http://schemas.openxmlformats.org/officeDocument/2006/relationships/slideLayout" Target="../slideLayouts/slideLayout61.xml"/><Relationship Id="rId23" Type="http://schemas.openxmlformats.org/officeDocument/2006/relationships/slideLayout" Target="../slideLayouts/slideLayout69.xml"/><Relationship Id="rId28" Type="http://schemas.openxmlformats.org/officeDocument/2006/relationships/slideLayout" Target="../slideLayouts/slideLayout74.xml"/><Relationship Id="rId36" Type="http://schemas.openxmlformats.org/officeDocument/2006/relationships/slideLayout" Target="../slideLayouts/slideLayout82.xml"/><Relationship Id="rId10" Type="http://schemas.openxmlformats.org/officeDocument/2006/relationships/slideLayout" Target="../slideLayouts/slideLayout56.xml"/><Relationship Id="rId19" Type="http://schemas.openxmlformats.org/officeDocument/2006/relationships/slideLayout" Target="../slideLayouts/slideLayout65.xml"/><Relationship Id="rId31" Type="http://schemas.openxmlformats.org/officeDocument/2006/relationships/slideLayout" Target="../slideLayouts/slideLayout77.xml"/><Relationship Id="rId44" Type="http://schemas.openxmlformats.org/officeDocument/2006/relationships/slideLayout" Target="../slideLayouts/slideLayout90.xml"/><Relationship Id="rId4" Type="http://schemas.openxmlformats.org/officeDocument/2006/relationships/slideLayout" Target="../slideLayouts/slideLayout50.xml"/><Relationship Id="rId9" Type="http://schemas.openxmlformats.org/officeDocument/2006/relationships/slideLayout" Target="../slideLayouts/slideLayout55.xml"/><Relationship Id="rId14" Type="http://schemas.openxmlformats.org/officeDocument/2006/relationships/slideLayout" Target="../slideLayouts/slideLayout60.xml"/><Relationship Id="rId22" Type="http://schemas.openxmlformats.org/officeDocument/2006/relationships/slideLayout" Target="../slideLayouts/slideLayout68.xml"/><Relationship Id="rId27" Type="http://schemas.openxmlformats.org/officeDocument/2006/relationships/slideLayout" Target="../slideLayouts/slideLayout73.xml"/><Relationship Id="rId30" Type="http://schemas.openxmlformats.org/officeDocument/2006/relationships/slideLayout" Target="../slideLayouts/slideLayout76.xml"/><Relationship Id="rId35" Type="http://schemas.openxmlformats.org/officeDocument/2006/relationships/slideLayout" Target="../slideLayouts/slideLayout81.xml"/><Relationship Id="rId43" Type="http://schemas.openxmlformats.org/officeDocument/2006/relationships/slideLayout" Target="../slideLayouts/slideLayout89.xml"/><Relationship Id="rId8" Type="http://schemas.openxmlformats.org/officeDocument/2006/relationships/slideLayout" Target="../slideLayouts/slideLayout54.xml"/><Relationship Id="rId3" Type="http://schemas.openxmlformats.org/officeDocument/2006/relationships/slideLayout" Target="../slideLayouts/slideLayout49.xml"/><Relationship Id="rId12" Type="http://schemas.openxmlformats.org/officeDocument/2006/relationships/slideLayout" Target="../slideLayouts/slideLayout58.xml"/><Relationship Id="rId17" Type="http://schemas.openxmlformats.org/officeDocument/2006/relationships/slideLayout" Target="../slideLayouts/slideLayout63.xml"/><Relationship Id="rId25" Type="http://schemas.openxmlformats.org/officeDocument/2006/relationships/slideLayout" Target="../slideLayouts/slideLayout71.xml"/><Relationship Id="rId33" Type="http://schemas.openxmlformats.org/officeDocument/2006/relationships/slideLayout" Target="../slideLayouts/slideLayout79.xml"/><Relationship Id="rId38" Type="http://schemas.openxmlformats.org/officeDocument/2006/relationships/slideLayout" Target="../slideLayouts/slideLayout84.xml"/><Relationship Id="rId46" Type="http://schemas.openxmlformats.org/officeDocument/2006/relationships/slideLayout" Target="../slideLayouts/slideLayout92.xml"/><Relationship Id="rId20" Type="http://schemas.openxmlformats.org/officeDocument/2006/relationships/slideLayout" Target="../slideLayouts/slideLayout66.xml"/><Relationship Id="rId41" Type="http://schemas.openxmlformats.org/officeDocument/2006/relationships/slideLayout" Target="../slideLayouts/slideLayout87.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100.xml"/><Relationship Id="rId13" Type="http://schemas.openxmlformats.org/officeDocument/2006/relationships/theme" Target="../theme/theme3.xml"/><Relationship Id="rId3" Type="http://schemas.openxmlformats.org/officeDocument/2006/relationships/slideLayout" Target="../slideLayouts/slideLayout95.xml"/><Relationship Id="rId7" Type="http://schemas.openxmlformats.org/officeDocument/2006/relationships/slideLayout" Target="../slideLayouts/slideLayout99.xml"/><Relationship Id="rId12" Type="http://schemas.openxmlformats.org/officeDocument/2006/relationships/slideLayout" Target="../slideLayouts/slideLayout104.xml"/><Relationship Id="rId2" Type="http://schemas.openxmlformats.org/officeDocument/2006/relationships/slideLayout" Target="../slideLayouts/slideLayout94.xml"/><Relationship Id="rId1" Type="http://schemas.openxmlformats.org/officeDocument/2006/relationships/slideLayout" Target="../slideLayouts/slideLayout93.xml"/><Relationship Id="rId6" Type="http://schemas.openxmlformats.org/officeDocument/2006/relationships/slideLayout" Target="../slideLayouts/slideLayout98.xml"/><Relationship Id="rId11" Type="http://schemas.openxmlformats.org/officeDocument/2006/relationships/slideLayout" Target="../slideLayouts/slideLayout103.xml"/><Relationship Id="rId5" Type="http://schemas.openxmlformats.org/officeDocument/2006/relationships/slideLayout" Target="../slideLayouts/slideLayout97.xml"/><Relationship Id="rId10" Type="http://schemas.openxmlformats.org/officeDocument/2006/relationships/slideLayout" Target="../slideLayouts/slideLayout102.xml"/><Relationship Id="rId4" Type="http://schemas.openxmlformats.org/officeDocument/2006/relationships/slideLayout" Target="../slideLayouts/slideLayout96.xml"/><Relationship Id="rId9" Type="http://schemas.openxmlformats.org/officeDocument/2006/relationships/slideLayout" Target="../slideLayouts/slideLayout10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tx1"/>
        </a:solidFill>
        <a:effectLst/>
      </p:bgPr>
    </p:bg>
    <p:spTree>
      <p:nvGrpSpPr>
        <p:cNvPr id="1" name=""/>
        <p:cNvGrpSpPr/>
        <p:nvPr/>
      </p:nvGrpSpPr>
      <p:grpSpPr>
        <a:xfrm>
          <a:off x="0" y="0"/>
          <a:ext cx="0" cy="0"/>
          <a:chOff x="0" y="0"/>
          <a:chExt cx="0" cy="0"/>
        </a:xfrm>
      </p:grpSpPr>
      <p:sp>
        <p:nvSpPr>
          <p:cNvPr id="2" name="Plassholder for tittel 1">
            <a:extLst>
              <a:ext uri="{FF2B5EF4-FFF2-40B4-BE49-F238E27FC236}">
                <a16:creationId xmlns:a16="http://schemas.microsoft.com/office/drawing/2014/main" id="{58F4E7D6-0CBD-37DC-FC6B-02E715F187A0}"/>
              </a:ext>
            </a:extLst>
          </p:cNvPr>
          <p:cNvSpPr>
            <a:spLocks noGrp="1"/>
          </p:cNvSpPr>
          <p:nvPr>
            <p:ph type="title"/>
          </p:nvPr>
        </p:nvSpPr>
        <p:spPr>
          <a:xfrm>
            <a:off x="838200" y="874173"/>
            <a:ext cx="10515600" cy="946766"/>
          </a:xfrm>
          <a:prstGeom prst="rect">
            <a:avLst/>
          </a:prstGeom>
        </p:spPr>
        <p:txBody>
          <a:bodyPr vert="horz" lIns="91440" tIns="45720" rIns="91440" bIns="45720" rtlCol="0" anchor="t">
            <a:noAutofit/>
          </a:bodyPr>
          <a:lstStyle/>
          <a:p>
            <a:r>
              <a:rPr lang="nb-NO" dirty="0"/>
              <a:t>Klikk for å redigere tittel</a:t>
            </a:r>
          </a:p>
        </p:txBody>
      </p:sp>
      <p:sp>
        <p:nvSpPr>
          <p:cNvPr id="3" name="Plassholder for tekst 2">
            <a:extLst>
              <a:ext uri="{FF2B5EF4-FFF2-40B4-BE49-F238E27FC236}">
                <a16:creationId xmlns:a16="http://schemas.microsoft.com/office/drawing/2014/main" id="{AA338970-DEA5-1C48-1335-529E196D5D74}"/>
              </a:ext>
            </a:extLst>
          </p:cNvPr>
          <p:cNvSpPr>
            <a:spLocks noGrp="1"/>
          </p:cNvSpPr>
          <p:nvPr>
            <p:ph type="body" idx="1"/>
          </p:nvPr>
        </p:nvSpPr>
        <p:spPr>
          <a:xfrm>
            <a:off x="838200" y="2000327"/>
            <a:ext cx="10515600" cy="4040155"/>
          </a:xfrm>
          <a:prstGeom prst="rect">
            <a:avLst/>
          </a:prstGeom>
        </p:spPr>
        <p:txBody>
          <a:bodyPr vert="horz" lIns="91440" tIns="45720" rIns="91440" bIns="45720" rtlCol="0">
            <a:noAutofit/>
          </a:body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spTree>
    <p:extLst>
      <p:ext uri="{BB962C8B-B14F-4D97-AF65-F5344CB8AC3E}">
        <p14:creationId xmlns:p14="http://schemas.microsoft.com/office/powerpoint/2010/main" val="3835753594"/>
      </p:ext>
    </p:extLst>
  </p:cSld>
  <p:clrMap bg1="lt1" tx1="dk1" bg2="lt2" tx2="dk2" accent1="accent1" accent2="accent2" accent3="accent3" accent4="accent4" accent5="accent5" accent6="accent6" hlink="hlink" folHlink="folHlink"/>
  <p:sldLayoutIdLst>
    <p:sldLayoutId id="2147483899" r:id="rId1"/>
    <p:sldLayoutId id="2147483896" r:id="rId2"/>
    <p:sldLayoutId id="2147483900" r:id="rId3"/>
    <p:sldLayoutId id="2147483781" r:id="rId4"/>
    <p:sldLayoutId id="2147483782" r:id="rId5"/>
    <p:sldLayoutId id="2147483789" r:id="rId6"/>
    <p:sldLayoutId id="2147483783" r:id="rId7"/>
    <p:sldLayoutId id="2147483786" r:id="rId8"/>
    <p:sldLayoutId id="2147483785" r:id="rId9"/>
    <p:sldLayoutId id="2147483888" r:id="rId10"/>
    <p:sldLayoutId id="2147483761" r:id="rId11"/>
    <p:sldLayoutId id="2147483762" r:id="rId12"/>
    <p:sldLayoutId id="2147483763" r:id="rId13"/>
    <p:sldLayoutId id="2147483764" r:id="rId14"/>
    <p:sldLayoutId id="2147483766" r:id="rId15"/>
    <p:sldLayoutId id="2147483767" r:id="rId16"/>
    <p:sldLayoutId id="2147483768" r:id="rId17"/>
    <p:sldLayoutId id="2147483883" r:id="rId18"/>
    <p:sldLayoutId id="2147483884" r:id="rId19"/>
    <p:sldLayoutId id="2147483885" r:id="rId20"/>
    <p:sldLayoutId id="2147483882" r:id="rId21"/>
    <p:sldLayoutId id="2147483816" r:id="rId22"/>
    <p:sldLayoutId id="2147483886" r:id="rId23"/>
    <p:sldLayoutId id="2147483769" r:id="rId24"/>
    <p:sldLayoutId id="2147483837" r:id="rId25"/>
    <p:sldLayoutId id="2147483770" r:id="rId26"/>
    <p:sldLayoutId id="2147483817" r:id="rId27"/>
    <p:sldLayoutId id="2147483818" r:id="rId28"/>
    <p:sldLayoutId id="2147483820" r:id="rId29"/>
    <p:sldLayoutId id="2147483895" r:id="rId30"/>
    <p:sldLayoutId id="2147483879" r:id="rId31"/>
    <p:sldLayoutId id="2147483821" r:id="rId32"/>
    <p:sldLayoutId id="2147483894" r:id="rId33"/>
    <p:sldLayoutId id="2147483835" r:id="rId34"/>
    <p:sldLayoutId id="2147483836" r:id="rId35"/>
    <p:sldLayoutId id="2147483773" r:id="rId36"/>
    <p:sldLayoutId id="2147483775" r:id="rId37"/>
    <p:sldLayoutId id="2147483840" r:id="rId38"/>
    <p:sldLayoutId id="2147483841" r:id="rId39"/>
    <p:sldLayoutId id="2147483945" r:id="rId40"/>
    <p:sldLayoutId id="2147483897" r:id="rId41"/>
    <p:sldLayoutId id="2147483946" r:id="rId42"/>
    <p:sldLayoutId id="2147483898" r:id="rId43"/>
    <p:sldLayoutId id="2147483947" r:id="rId44"/>
    <p:sldLayoutId id="2147483772" r:id="rId45"/>
    <p:sldLayoutId id="2147483787" r:id="rId46"/>
  </p:sldLayoutIdLst>
  <p:hf hdr="0" ftr="0" dt="0"/>
  <p:txStyles>
    <p:titleStyle>
      <a:lvl1pPr algn="l" defTabSz="914400" rtl="0" eaLnBrk="1" latinLnBrk="0" hangingPunct="1">
        <a:lnSpc>
          <a:spcPct val="90000"/>
        </a:lnSpc>
        <a:spcBef>
          <a:spcPct val="0"/>
        </a:spcBef>
        <a:buNone/>
        <a:defRPr sz="3200" b="1" i="0" kern="1200">
          <a:solidFill>
            <a:schemeClr val="bg2"/>
          </a:solidFill>
          <a:latin typeface="+mj-lt"/>
          <a:ea typeface="+mj-ea"/>
          <a:cs typeface="Calibri" panose="020F0502020204030204" pitchFamily="34" charset="0"/>
        </a:defRPr>
      </a:lvl1pPr>
    </p:titleStyle>
    <p:bodyStyle>
      <a:lvl1pPr marL="342900" indent="-342900" algn="l" defTabSz="914400" rtl="0" eaLnBrk="1" latinLnBrk="0" hangingPunct="1">
        <a:lnSpc>
          <a:spcPct val="90000"/>
        </a:lnSpc>
        <a:spcBef>
          <a:spcPts val="1000"/>
        </a:spcBef>
        <a:buClr>
          <a:schemeClr val="tx2"/>
        </a:buClr>
        <a:buFont typeface="Arial" panose="020B0604020202020204" pitchFamily="34" charset="0"/>
        <a:buChar char="•"/>
        <a:defRPr sz="2000" kern="1200">
          <a:solidFill>
            <a:schemeClr val="bg2"/>
          </a:solidFill>
          <a:latin typeface="+mn-lt"/>
          <a:ea typeface="+mn-ea"/>
          <a:cs typeface="+mn-cs"/>
        </a:defRPr>
      </a:lvl1pPr>
      <a:lvl2pPr marL="685800" indent="-228600" algn="l" defTabSz="914400" rtl="0" eaLnBrk="1" latinLnBrk="0" hangingPunct="1">
        <a:lnSpc>
          <a:spcPct val="90000"/>
        </a:lnSpc>
        <a:spcBef>
          <a:spcPts val="500"/>
        </a:spcBef>
        <a:buClr>
          <a:schemeClr val="tx2"/>
        </a:buClr>
        <a:buFont typeface="Arial" panose="020B0604020202020204" pitchFamily="34" charset="0"/>
        <a:buChar char="•"/>
        <a:defRPr sz="1800" kern="1200">
          <a:solidFill>
            <a:schemeClr val="bg2"/>
          </a:solidFill>
          <a:latin typeface="+mn-lt"/>
          <a:ea typeface="+mn-ea"/>
          <a:cs typeface="+mn-cs"/>
        </a:defRPr>
      </a:lvl2pPr>
      <a:lvl3pPr marL="1143000" indent="-228600" algn="l" defTabSz="914400" rtl="0" eaLnBrk="1" latinLnBrk="0" hangingPunct="1">
        <a:lnSpc>
          <a:spcPct val="90000"/>
        </a:lnSpc>
        <a:spcBef>
          <a:spcPts val="400"/>
        </a:spcBef>
        <a:buClr>
          <a:schemeClr val="tx2"/>
        </a:buClr>
        <a:buFont typeface="Arial" panose="020B0604020202020204" pitchFamily="34" charset="0"/>
        <a:buChar char="•"/>
        <a:defRPr sz="1600" kern="1200">
          <a:solidFill>
            <a:schemeClr val="bg2"/>
          </a:solidFill>
          <a:latin typeface="+mn-lt"/>
          <a:ea typeface="+mn-ea"/>
          <a:cs typeface="+mn-cs"/>
        </a:defRPr>
      </a:lvl3pPr>
      <a:lvl4pPr marL="1600200" indent="-228600" algn="l" defTabSz="914400" rtl="0" eaLnBrk="1" latinLnBrk="0" hangingPunct="1">
        <a:lnSpc>
          <a:spcPct val="90000"/>
        </a:lnSpc>
        <a:spcBef>
          <a:spcPts val="300"/>
        </a:spcBef>
        <a:buClr>
          <a:schemeClr val="tx2"/>
        </a:buClr>
        <a:buFont typeface="Arial" panose="020B0604020202020204" pitchFamily="34" charset="0"/>
        <a:buChar char="•"/>
        <a:defRPr sz="1400" kern="1200">
          <a:solidFill>
            <a:schemeClr val="bg2"/>
          </a:solidFill>
          <a:latin typeface="+mn-lt"/>
          <a:ea typeface="+mn-ea"/>
          <a:cs typeface="+mn-cs"/>
        </a:defRPr>
      </a:lvl4pPr>
      <a:lvl5pPr marL="2057400" indent="-228600" algn="l" defTabSz="914400" rtl="0" eaLnBrk="1" latinLnBrk="0" hangingPunct="1">
        <a:lnSpc>
          <a:spcPct val="90000"/>
        </a:lnSpc>
        <a:spcBef>
          <a:spcPts val="300"/>
        </a:spcBef>
        <a:buClr>
          <a:schemeClr val="tx2"/>
        </a:buClr>
        <a:buFont typeface="Arial" panose="020B0604020202020204" pitchFamily="34" charset="0"/>
        <a:buChar char="•"/>
        <a:defRPr sz="1400" kern="1200">
          <a:solidFill>
            <a:schemeClr val="bg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b-NO"/>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2"/>
        </a:solidFill>
        <a:effectLst/>
      </p:bgPr>
    </p:bg>
    <p:spTree>
      <p:nvGrpSpPr>
        <p:cNvPr id="1" name=""/>
        <p:cNvGrpSpPr/>
        <p:nvPr/>
      </p:nvGrpSpPr>
      <p:grpSpPr>
        <a:xfrm>
          <a:off x="0" y="0"/>
          <a:ext cx="0" cy="0"/>
          <a:chOff x="0" y="0"/>
          <a:chExt cx="0" cy="0"/>
        </a:xfrm>
      </p:grpSpPr>
      <p:sp>
        <p:nvSpPr>
          <p:cNvPr id="2" name="Plassholder for tittel 1">
            <a:extLst>
              <a:ext uri="{FF2B5EF4-FFF2-40B4-BE49-F238E27FC236}">
                <a16:creationId xmlns:a16="http://schemas.microsoft.com/office/drawing/2014/main" id="{58F4E7D6-0CBD-37DC-FC6B-02E715F187A0}"/>
              </a:ext>
            </a:extLst>
          </p:cNvPr>
          <p:cNvSpPr>
            <a:spLocks noGrp="1"/>
          </p:cNvSpPr>
          <p:nvPr>
            <p:ph type="title"/>
          </p:nvPr>
        </p:nvSpPr>
        <p:spPr>
          <a:xfrm>
            <a:off x="838200" y="874173"/>
            <a:ext cx="10515600" cy="946766"/>
          </a:xfrm>
          <a:prstGeom prst="rect">
            <a:avLst/>
          </a:prstGeom>
        </p:spPr>
        <p:txBody>
          <a:bodyPr vert="horz" lIns="91440" tIns="45720" rIns="91440" bIns="45720" rtlCol="0" anchor="t">
            <a:noAutofit/>
          </a:bodyPr>
          <a:lstStyle/>
          <a:p>
            <a:r>
              <a:rPr lang="nb-NO" dirty="0"/>
              <a:t>Klikk for å redigere tittel</a:t>
            </a:r>
          </a:p>
        </p:txBody>
      </p:sp>
      <p:sp>
        <p:nvSpPr>
          <p:cNvPr id="3" name="Plassholder for tekst 2">
            <a:extLst>
              <a:ext uri="{FF2B5EF4-FFF2-40B4-BE49-F238E27FC236}">
                <a16:creationId xmlns:a16="http://schemas.microsoft.com/office/drawing/2014/main" id="{AA338970-DEA5-1C48-1335-529E196D5D74}"/>
              </a:ext>
            </a:extLst>
          </p:cNvPr>
          <p:cNvSpPr>
            <a:spLocks noGrp="1"/>
          </p:cNvSpPr>
          <p:nvPr>
            <p:ph type="body" idx="1"/>
          </p:nvPr>
        </p:nvSpPr>
        <p:spPr>
          <a:xfrm>
            <a:off x="838200" y="2000327"/>
            <a:ext cx="10515600" cy="4040155"/>
          </a:xfrm>
          <a:prstGeom prst="rect">
            <a:avLst/>
          </a:prstGeom>
        </p:spPr>
        <p:txBody>
          <a:bodyPr vert="horz" lIns="91440" tIns="45720" rIns="91440" bIns="45720" rtlCol="0">
            <a:noAutofit/>
          </a:bodyPr>
          <a:lstStyle/>
          <a:p>
            <a:pPr lvl="0"/>
            <a:r>
              <a:rPr lang="nb-NO" dirty="0"/>
              <a:t>Klikk for å redigere tekst</a:t>
            </a:r>
          </a:p>
          <a:p>
            <a:pPr lvl="1"/>
            <a:r>
              <a:rPr lang="nb-NO" dirty="0"/>
              <a:t>Andre nivå</a:t>
            </a:r>
          </a:p>
          <a:p>
            <a:pPr lvl="2"/>
            <a:r>
              <a:rPr lang="nb-NO" dirty="0"/>
              <a:t>Tredje nivå</a:t>
            </a:r>
          </a:p>
          <a:p>
            <a:pPr lvl="3"/>
            <a:r>
              <a:rPr lang="nb-NO" dirty="0"/>
              <a:t>Fjerde nivå</a:t>
            </a:r>
          </a:p>
          <a:p>
            <a:pPr lvl="4"/>
            <a:r>
              <a:rPr lang="nb-NO" dirty="0"/>
              <a:t>Femte nivå</a:t>
            </a:r>
          </a:p>
        </p:txBody>
      </p:sp>
    </p:spTree>
    <p:extLst>
      <p:ext uri="{BB962C8B-B14F-4D97-AF65-F5344CB8AC3E}">
        <p14:creationId xmlns:p14="http://schemas.microsoft.com/office/powerpoint/2010/main" val="967846713"/>
      </p:ext>
    </p:extLst>
  </p:cSld>
  <p:clrMap bg1="lt1" tx1="dk1" bg2="lt2" tx2="dk2" accent1="accent1" accent2="accent2" accent3="accent3" accent4="accent4" accent5="accent5" accent6="accent6" hlink="hlink" folHlink="folHlink"/>
  <p:sldLayoutIdLst>
    <p:sldLayoutId id="2147483901" r:id="rId1"/>
    <p:sldLayoutId id="2147483904" r:id="rId2"/>
    <p:sldLayoutId id="2147483905" r:id="rId3"/>
    <p:sldLayoutId id="2147483906" r:id="rId4"/>
    <p:sldLayoutId id="2147483907" r:id="rId5"/>
    <p:sldLayoutId id="2147483908" r:id="rId6"/>
    <p:sldLayoutId id="2147483909" r:id="rId7"/>
    <p:sldLayoutId id="2147483910" r:id="rId8"/>
    <p:sldLayoutId id="2147483911" r:id="rId9"/>
    <p:sldLayoutId id="2147483912" r:id="rId10"/>
    <p:sldLayoutId id="2147483913" r:id="rId11"/>
    <p:sldLayoutId id="2147483914" r:id="rId12"/>
    <p:sldLayoutId id="2147483915" r:id="rId13"/>
    <p:sldLayoutId id="2147483916" r:id="rId14"/>
    <p:sldLayoutId id="2147483917" r:id="rId15"/>
    <p:sldLayoutId id="2147483918" r:id="rId16"/>
    <p:sldLayoutId id="2147483919" r:id="rId17"/>
    <p:sldLayoutId id="2147483920" r:id="rId18"/>
    <p:sldLayoutId id="2147483921" r:id="rId19"/>
    <p:sldLayoutId id="2147483922" r:id="rId20"/>
    <p:sldLayoutId id="2147483923" r:id="rId21"/>
    <p:sldLayoutId id="2147483924" r:id="rId22"/>
    <p:sldLayoutId id="2147483925" r:id="rId23"/>
    <p:sldLayoutId id="2147483926" r:id="rId24"/>
    <p:sldLayoutId id="2147483927" r:id="rId25"/>
    <p:sldLayoutId id="2147483928" r:id="rId26"/>
    <p:sldLayoutId id="2147483929" r:id="rId27"/>
    <p:sldLayoutId id="2147483930" r:id="rId28"/>
    <p:sldLayoutId id="2147483931" r:id="rId29"/>
    <p:sldLayoutId id="2147483932" r:id="rId30"/>
    <p:sldLayoutId id="2147483933" r:id="rId31"/>
    <p:sldLayoutId id="2147483934" r:id="rId32"/>
    <p:sldLayoutId id="2147483935" r:id="rId33"/>
    <p:sldLayoutId id="2147483936" r:id="rId34"/>
    <p:sldLayoutId id="2147483937" r:id="rId35"/>
    <p:sldLayoutId id="2147483938" r:id="rId36"/>
    <p:sldLayoutId id="2147483939" r:id="rId37"/>
    <p:sldLayoutId id="2147483940" r:id="rId38"/>
    <p:sldLayoutId id="2147483941" r:id="rId39"/>
    <p:sldLayoutId id="2147483948" r:id="rId40"/>
    <p:sldLayoutId id="2147483942" r:id="rId41"/>
    <p:sldLayoutId id="2147483949" r:id="rId42"/>
    <p:sldLayoutId id="2147483943" r:id="rId43"/>
    <p:sldLayoutId id="2147483950" r:id="rId44"/>
    <p:sldLayoutId id="2147483944" r:id="rId45"/>
    <p:sldLayoutId id="2147483877" r:id="rId46"/>
  </p:sldLayoutIdLst>
  <p:hf hdr="0" ftr="0" dt="0"/>
  <p:txStyles>
    <p:titleStyle>
      <a:lvl1pPr algn="l" defTabSz="914400" rtl="0" eaLnBrk="1" latinLnBrk="0" hangingPunct="1">
        <a:lnSpc>
          <a:spcPct val="90000"/>
        </a:lnSpc>
        <a:spcBef>
          <a:spcPct val="0"/>
        </a:spcBef>
        <a:buNone/>
        <a:defRPr sz="3200" b="1" i="0" kern="1200">
          <a:solidFill>
            <a:schemeClr val="tx1"/>
          </a:solidFill>
          <a:latin typeface="+mj-lt"/>
          <a:ea typeface="+mj-ea"/>
          <a:cs typeface="Calibri" panose="020F0502020204030204" pitchFamily="34" charset="0"/>
        </a:defRPr>
      </a:lvl1pPr>
    </p:titleStyle>
    <p:bodyStyle>
      <a:lvl1pPr marL="342900" indent="-342900" algn="l" defTabSz="914400" rtl="0" eaLnBrk="1" latinLnBrk="0" hangingPunct="1">
        <a:lnSpc>
          <a:spcPct val="90000"/>
        </a:lnSpc>
        <a:spcBef>
          <a:spcPts val="1000"/>
        </a:spcBef>
        <a:buClr>
          <a:schemeClr val="tx2"/>
        </a:buClr>
        <a:buFont typeface="Arial" panose="020B0604020202020204" pitchFamily="34" charset="0"/>
        <a:buChar char="•"/>
        <a:defRPr sz="20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Clr>
          <a:schemeClr val="tx2"/>
        </a:buClr>
        <a:buFont typeface="Arial" panose="020B0604020202020204" pitchFamily="34" charset="0"/>
        <a:buChar char="•"/>
        <a:defRPr sz="18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Clr>
          <a:schemeClr val="tx2"/>
        </a:buClr>
        <a:buFont typeface="Arial" panose="020B0604020202020204" pitchFamily="34" charset="0"/>
        <a:buChar char="•"/>
        <a:defRPr sz="16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Clr>
          <a:schemeClr val="tx2"/>
        </a:buClr>
        <a:buFont typeface="Arial" panose="020B0604020202020204" pitchFamily="34" charset="0"/>
        <a:buChar char="•"/>
        <a:defRPr sz="14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Clr>
          <a:schemeClr val="tx2"/>
        </a:buClr>
        <a:buFont typeface="Arial" panose="020B0604020202020204" pitchFamily="34" charset="0"/>
        <a:buChar char="•"/>
        <a:defRPr sz="14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b-NO"/>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40290" name="Rectangle 2"/>
          <p:cNvSpPr>
            <a:spLocks noGrp="1" noChangeArrowheads="1"/>
          </p:cNvSpPr>
          <p:nvPr>
            <p:ph type="ftr" sz="quarter" idx="3"/>
          </p:nvPr>
        </p:nvSpPr>
        <p:spPr bwMode="auto">
          <a:xfrm>
            <a:off x="2927351" y="6248400"/>
            <a:ext cx="5761567" cy="457200"/>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lgn="ctr">
              <a:defRPr sz="1200" b="1">
                <a:solidFill>
                  <a:schemeClr val="bg2"/>
                </a:solidFill>
                <a:latin typeface="Times New Roman" pitchFamily="18" charset="0"/>
              </a:defRPr>
            </a:lvl1pPr>
          </a:lstStyle>
          <a:p>
            <a:pPr>
              <a:defRPr/>
            </a:pPr>
            <a:endParaRPr lang="en-US"/>
          </a:p>
        </p:txBody>
      </p:sp>
      <p:sp>
        <p:nvSpPr>
          <p:cNvPr id="140291" name="Rectangle 3"/>
          <p:cNvSpPr>
            <a:spLocks noGrp="1" noChangeArrowheads="1"/>
          </p:cNvSpPr>
          <p:nvPr>
            <p:ph type="sldNum" sz="quarter" idx="4"/>
          </p:nvPr>
        </p:nvSpPr>
        <p:spPr bwMode="auto">
          <a:xfrm>
            <a:off x="9647768" y="6248400"/>
            <a:ext cx="1934633" cy="457200"/>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lgn="r">
              <a:defRPr sz="1200">
                <a:solidFill>
                  <a:schemeClr val="accent1"/>
                </a:solidFill>
                <a:latin typeface="Arial Black" pitchFamily="34" charset="0"/>
              </a:defRPr>
            </a:lvl1pPr>
          </a:lstStyle>
          <a:p>
            <a:pPr>
              <a:defRPr/>
            </a:pPr>
            <a:fld id="{47FE990A-964A-40C2-ACDC-6C3C65F85AE7}" type="slidenum">
              <a:rPr lang="en-US"/>
              <a:pPr>
                <a:defRPr/>
              </a:pPr>
              <a:t>‹#›</a:t>
            </a:fld>
            <a:endParaRPr lang="en-US"/>
          </a:p>
        </p:txBody>
      </p:sp>
      <p:grpSp>
        <p:nvGrpSpPr>
          <p:cNvPr id="6148" name="Group 4"/>
          <p:cNvGrpSpPr>
            <a:grpSpLocks/>
          </p:cNvGrpSpPr>
          <p:nvPr/>
        </p:nvGrpSpPr>
        <p:grpSpPr bwMode="auto">
          <a:xfrm>
            <a:off x="0" y="0"/>
            <a:ext cx="12192000" cy="546100"/>
            <a:chOff x="0" y="0"/>
            <a:chExt cx="5760" cy="344"/>
          </a:xfrm>
        </p:grpSpPr>
        <p:sp>
          <p:nvSpPr>
            <p:cNvPr id="140293" name="Rectangle 5"/>
            <p:cNvSpPr>
              <a:spLocks noChangeArrowheads="1"/>
            </p:cNvSpPr>
            <p:nvPr/>
          </p:nvSpPr>
          <p:spPr bwMode="auto">
            <a:xfrm>
              <a:off x="0" y="0"/>
              <a:ext cx="180" cy="336"/>
            </a:xfrm>
            <a:prstGeom prst="rect">
              <a:avLst/>
            </a:prstGeom>
            <a:gradFill rotWithShape="0">
              <a:gsLst>
                <a:gs pos="0">
                  <a:schemeClr val="folHlink"/>
                </a:gs>
                <a:gs pos="100000">
                  <a:schemeClr val="bg1"/>
                </a:gs>
              </a:gsLst>
              <a:lin ang="0" scaled="1"/>
            </a:gradFill>
            <a:ln w="9525">
              <a:noFill/>
              <a:miter lim="800000"/>
              <a:headEnd/>
              <a:tailEnd/>
            </a:ln>
            <a:effectLst/>
          </p:spPr>
          <p:txBody>
            <a:bodyPr wrap="none" anchor="ctr"/>
            <a:lstStyle/>
            <a:p>
              <a:pPr algn="ctr">
                <a:defRPr/>
              </a:pPr>
              <a:endParaRPr lang="en-US" sz="2400">
                <a:latin typeface="Times New Roman" pitchFamily="18" charset="0"/>
              </a:endParaRPr>
            </a:p>
          </p:txBody>
        </p:sp>
        <p:sp>
          <p:nvSpPr>
            <p:cNvPr id="140294" name="Rectangle 6"/>
            <p:cNvSpPr>
              <a:spLocks noChangeArrowheads="1"/>
            </p:cNvSpPr>
            <p:nvPr/>
          </p:nvSpPr>
          <p:spPr bwMode="auto">
            <a:xfrm>
              <a:off x="260" y="85"/>
              <a:ext cx="5500" cy="173"/>
            </a:xfrm>
            <a:prstGeom prst="rect">
              <a:avLst/>
            </a:prstGeom>
            <a:gradFill rotWithShape="0">
              <a:gsLst>
                <a:gs pos="0">
                  <a:schemeClr val="bg2"/>
                </a:gs>
                <a:gs pos="100000">
                  <a:schemeClr val="bg1"/>
                </a:gs>
              </a:gsLst>
              <a:lin ang="0" scaled="1"/>
            </a:gradFill>
            <a:ln w="9525">
              <a:noFill/>
              <a:miter lim="800000"/>
              <a:headEnd/>
              <a:tailEnd/>
            </a:ln>
          </p:spPr>
          <p:txBody>
            <a:bodyPr/>
            <a:lstStyle/>
            <a:p>
              <a:pPr>
                <a:defRPr/>
              </a:pPr>
              <a:endParaRPr lang="en-US" sz="2400">
                <a:latin typeface="Times New Roman" pitchFamily="18" charset="0"/>
              </a:endParaRPr>
            </a:p>
          </p:txBody>
        </p:sp>
        <p:sp>
          <p:nvSpPr>
            <p:cNvPr id="140295" name="Rectangle 7"/>
            <p:cNvSpPr>
              <a:spLocks noChangeArrowheads="1"/>
            </p:cNvSpPr>
            <p:nvPr/>
          </p:nvSpPr>
          <p:spPr bwMode="auto">
            <a:xfrm>
              <a:off x="258" y="85"/>
              <a:ext cx="87" cy="89"/>
            </a:xfrm>
            <a:prstGeom prst="rect">
              <a:avLst/>
            </a:prstGeom>
            <a:solidFill>
              <a:schemeClr val="folHlink"/>
            </a:solidFill>
            <a:ln w="9525">
              <a:noFill/>
              <a:miter lim="800000"/>
              <a:headEnd/>
              <a:tailEnd/>
            </a:ln>
          </p:spPr>
          <p:txBody>
            <a:bodyPr/>
            <a:lstStyle/>
            <a:p>
              <a:pPr>
                <a:defRPr/>
              </a:pPr>
              <a:endParaRPr lang="en-US" sz="1800">
                <a:solidFill>
                  <a:schemeClr val="hlink"/>
                </a:solidFill>
              </a:endParaRPr>
            </a:p>
          </p:txBody>
        </p:sp>
        <p:sp>
          <p:nvSpPr>
            <p:cNvPr id="140296" name="Rectangle 8"/>
            <p:cNvSpPr>
              <a:spLocks noChangeArrowheads="1"/>
            </p:cNvSpPr>
            <p:nvPr/>
          </p:nvSpPr>
          <p:spPr bwMode="auto">
            <a:xfrm>
              <a:off x="345" y="0"/>
              <a:ext cx="88" cy="87"/>
            </a:xfrm>
            <a:prstGeom prst="rect">
              <a:avLst/>
            </a:prstGeom>
            <a:solidFill>
              <a:schemeClr val="folHlink"/>
            </a:solidFill>
            <a:ln w="9525">
              <a:noFill/>
              <a:miter lim="800000"/>
              <a:headEnd/>
              <a:tailEnd/>
            </a:ln>
          </p:spPr>
          <p:txBody>
            <a:bodyPr/>
            <a:lstStyle/>
            <a:p>
              <a:pPr>
                <a:defRPr/>
              </a:pPr>
              <a:endParaRPr lang="en-US" sz="1800">
                <a:solidFill>
                  <a:schemeClr val="hlink"/>
                </a:solidFill>
              </a:endParaRPr>
            </a:p>
          </p:txBody>
        </p:sp>
        <p:sp>
          <p:nvSpPr>
            <p:cNvPr id="140297" name="Rectangle 9"/>
            <p:cNvSpPr>
              <a:spLocks noChangeArrowheads="1"/>
            </p:cNvSpPr>
            <p:nvPr/>
          </p:nvSpPr>
          <p:spPr bwMode="auto">
            <a:xfrm>
              <a:off x="345" y="85"/>
              <a:ext cx="88" cy="89"/>
            </a:xfrm>
            <a:prstGeom prst="rect">
              <a:avLst/>
            </a:prstGeom>
            <a:solidFill>
              <a:schemeClr val="accent2"/>
            </a:solidFill>
            <a:ln w="9525">
              <a:noFill/>
              <a:miter lim="800000"/>
              <a:headEnd/>
              <a:tailEnd/>
            </a:ln>
          </p:spPr>
          <p:txBody>
            <a:bodyPr/>
            <a:lstStyle/>
            <a:p>
              <a:pPr>
                <a:defRPr/>
              </a:pPr>
              <a:endParaRPr lang="en-US" sz="1800">
                <a:solidFill>
                  <a:schemeClr val="accent2"/>
                </a:solidFill>
              </a:endParaRPr>
            </a:p>
          </p:txBody>
        </p:sp>
        <p:sp>
          <p:nvSpPr>
            <p:cNvPr id="140298" name="Rectangle 10"/>
            <p:cNvSpPr>
              <a:spLocks noChangeArrowheads="1"/>
            </p:cNvSpPr>
            <p:nvPr/>
          </p:nvSpPr>
          <p:spPr bwMode="auto">
            <a:xfrm>
              <a:off x="173" y="173"/>
              <a:ext cx="86" cy="87"/>
            </a:xfrm>
            <a:prstGeom prst="rect">
              <a:avLst/>
            </a:prstGeom>
            <a:solidFill>
              <a:schemeClr val="folHlink"/>
            </a:solidFill>
            <a:ln w="9525">
              <a:noFill/>
              <a:miter lim="800000"/>
              <a:headEnd/>
              <a:tailEnd/>
            </a:ln>
          </p:spPr>
          <p:txBody>
            <a:bodyPr/>
            <a:lstStyle/>
            <a:p>
              <a:pPr>
                <a:defRPr/>
              </a:pPr>
              <a:endParaRPr lang="en-US" sz="1800">
                <a:solidFill>
                  <a:schemeClr val="hlink"/>
                </a:solidFill>
              </a:endParaRPr>
            </a:p>
          </p:txBody>
        </p:sp>
        <p:sp>
          <p:nvSpPr>
            <p:cNvPr id="140299" name="Rectangle 11"/>
            <p:cNvSpPr>
              <a:spLocks noChangeArrowheads="1"/>
            </p:cNvSpPr>
            <p:nvPr/>
          </p:nvSpPr>
          <p:spPr bwMode="auto">
            <a:xfrm>
              <a:off x="83" y="86"/>
              <a:ext cx="89" cy="87"/>
            </a:xfrm>
            <a:prstGeom prst="rect">
              <a:avLst/>
            </a:prstGeom>
            <a:solidFill>
              <a:schemeClr val="bg2"/>
            </a:solidFill>
            <a:ln w="9525">
              <a:noFill/>
              <a:miter lim="800000"/>
              <a:headEnd/>
              <a:tailEnd/>
            </a:ln>
          </p:spPr>
          <p:txBody>
            <a:bodyPr/>
            <a:lstStyle/>
            <a:p>
              <a:pPr>
                <a:defRPr/>
              </a:pPr>
              <a:endParaRPr lang="en-US" sz="2400">
                <a:latin typeface="Times New Roman" pitchFamily="18" charset="0"/>
              </a:endParaRPr>
            </a:p>
          </p:txBody>
        </p:sp>
        <p:sp>
          <p:nvSpPr>
            <p:cNvPr id="140300" name="Rectangle 12"/>
            <p:cNvSpPr>
              <a:spLocks noChangeArrowheads="1"/>
            </p:cNvSpPr>
            <p:nvPr/>
          </p:nvSpPr>
          <p:spPr bwMode="auto">
            <a:xfrm>
              <a:off x="258" y="171"/>
              <a:ext cx="87" cy="87"/>
            </a:xfrm>
            <a:prstGeom prst="rect">
              <a:avLst/>
            </a:prstGeom>
            <a:solidFill>
              <a:schemeClr val="accent2"/>
            </a:solidFill>
            <a:ln w="9525">
              <a:noFill/>
              <a:miter lim="800000"/>
              <a:headEnd/>
              <a:tailEnd/>
            </a:ln>
          </p:spPr>
          <p:txBody>
            <a:bodyPr/>
            <a:lstStyle/>
            <a:p>
              <a:pPr>
                <a:defRPr/>
              </a:pPr>
              <a:endParaRPr lang="en-US" sz="1800">
                <a:solidFill>
                  <a:schemeClr val="accent2"/>
                </a:solidFill>
              </a:endParaRPr>
            </a:p>
          </p:txBody>
        </p:sp>
        <p:sp>
          <p:nvSpPr>
            <p:cNvPr id="140301" name="Rectangle 13"/>
            <p:cNvSpPr>
              <a:spLocks noChangeArrowheads="1"/>
            </p:cNvSpPr>
            <p:nvPr/>
          </p:nvSpPr>
          <p:spPr bwMode="auto">
            <a:xfrm>
              <a:off x="173" y="258"/>
              <a:ext cx="86" cy="86"/>
            </a:xfrm>
            <a:prstGeom prst="rect">
              <a:avLst/>
            </a:prstGeom>
            <a:solidFill>
              <a:schemeClr val="accent2"/>
            </a:solidFill>
            <a:ln w="9525">
              <a:noFill/>
              <a:miter lim="800000"/>
              <a:headEnd/>
              <a:tailEnd/>
            </a:ln>
          </p:spPr>
          <p:txBody>
            <a:bodyPr/>
            <a:lstStyle/>
            <a:p>
              <a:pPr>
                <a:defRPr/>
              </a:pPr>
              <a:endParaRPr lang="en-US" sz="1800">
                <a:solidFill>
                  <a:schemeClr val="accent2"/>
                </a:solidFill>
              </a:endParaRPr>
            </a:p>
          </p:txBody>
        </p:sp>
      </p:grpSp>
      <p:sp>
        <p:nvSpPr>
          <p:cNvPr id="6149" name="Rectangle 14"/>
          <p:cNvSpPr>
            <a:spLocks noGrp="1" noChangeArrowheads="1"/>
          </p:cNvSpPr>
          <p:nvPr>
            <p:ph type="title"/>
          </p:nvPr>
        </p:nvSpPr>
        <p:spPr bwMode="auto">
          <a:xfrm>
            <a:off x="609600" y="914400"/>
            <a:ext cx="10972800" cy="9144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a:t>Klikk for å redigere tittelstil</a:t>
            </a:r>
          </a:p>
        </p:txBody>
      </p:sp>
      <p:sp>
        <p:nvSpPr>
          <p:cNvPr id="6150" name="Rectangle 15"/>
          <p:cNvSpPr>
            <a:spLocks noGrp="1" noChangeArrowheads="1"/>
          </p:cNvSpPr>
          <p:nvPr>
            <p:ph type="body" idx="1"/>
          </p:nvPr>
        </p:nvSpPr>
        <p:spPr bwMode="auto">
          <a:xfrm>
            <a:off x="609600" y="1981200"/>
            <a:ext cx="10972800" cy="3886200"/>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a:t>Klikk for å redigere tekststiler i malen</a:t>
            </a:r>
          </a:p>
          <a:p>
            <a:pPr lvl="1"/>
            <a:r>
              <a:rPr lang="en-US"/>
              <a:t>Andre nivå</a:t>
            </a:r>
          </a:p>
          <a:p>
            <a:pPr lvl="2"/>
            <a:r>
              <a:rPr lang="en-US"/>
              <a:t>Tredje nivå</a:t>
            </a:r>
          </a:p>
          <a:p>
            <a:pPr lvl="3"/>
            <a:r>
              <a:rPr lang="en-US"/>
              <a:t>Fjerde nivå</a:t>
            </a:r>
          </a:p>
          <a:p>
            <a:pPr lvl="4"/>
            <a:r>
              <a:rPr lang="en-US"/>
              <a:t>Femte nivå</a:t>
            </a:r>
          </a:p>
        </p:txBody>
      </p:sp>
      <p:sp>
        <p:nvSpPr>
          <p:cNvPr id="140304" name="Rectangle 16"/>
          <p:cNvSpPr>
            <a:spLocks noGrp="1" noChangeArrowheads="1"/>
          </p:cNvSpPr>
          <p:nvPr>
            <p:ph type="dt" sz="half" idx="2"/>
          </p:nvPr>
        </p:nvSpPr>
        <p:spPr bwMode="auto">
          <a:xfrm>
            <a:off x="609601" y="6245225"/>
            <a:ext cx="1934633" cy="476250"/>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bodyPr>
          <a:lstStyle>
            <a:lvl1pPr>
              <a:defRPr sz="1200"/>
            </a:lvl1pPr>
          </a:lstStyle>
          <a:p>
            <a:pPr>
              <a:defRPr/>
            </a:pPr>
            <a:endParaRPr lang="en-US"/>
          </a:p>
        </p:txBody>
      </p:sp>
      <p:sp>
        <p:nvSpPr>
          <p:cNvPr id="18" name="TekstSylinder 17"/>
          <p:cNvSpPr txBox="1"/>
          <p:nvPr userDrawn="1"/>
        </p:nvSpPr>
        <p:spPr>
          <a:xfrm>
            <a:off x="609600" y="381001"/>
            <a:ext cx="11379200" cy="830997"/>
          </a:xfrm>
          <a:prstGeom prst="rect">
            <a:avLst/>
          </a:prstGeom>
          <a:noFill/>
        </p:spPr>
        <p:txBody>
          <a:bodyPr wrap="square" rtlCol="0">
            <a:spAutoFit/>
          </a:bodyPr>
          <a:lstStyle/>
          <a:p>
            <a:r>
              <a:rPr lang="nb-NO" sz="2400" b="1" err="1">
                <a:latin typeface="Times New Roman" pitchFamily="18" charset="0"/>
                <a:cs typeface="Times New Roman" pitchFamily="18" charset="0"/>
              </a:rPr>
              <a:t>NfN</a:t>
            </a:r>
            <a:r>
              <a:rPr lang="nb-NO" sz="2400"/>
              <a:t> – </a:t>
            </a:r>
            <a:r>
              <a:rPr lang="en-US" sz="2400">
                <a:latin typeface="Times New Roman" panose="02020603050405020304" pitchFamily="18" charset="0"/>
                <a:cs typeface="Times New Roman" panose="02020603050405020304" pitchFamily="18" charset="0"/>
              </a:rPr>
              <a:t>Norwegian Facility Management Network</a:t>
            </a:r>
            <a:br>
              <a:rPr lang="nb-NO" sz="3600"/>
            </a:br>
            <a:endParaRPr lang="nn-NO" sz="2400"/>
          </a:p>
        </p:txBody>
      </p:sp>
    </p:spTree>
    <p:extLst>
      <p:ext uri="{BB962C8B-B14F-4D97-AF65-F5344CB8AC3E}">
        <p14:creationId xmlns:p14="http://schemas.microsoft.com/office/powerpoint/2010/main" val="1462851422"/>
      </p:ext>
    </p:extLst>
  </p:cSld>
  <p:clrMap bg1="lt1" tx1="dk1" bg2="lt2" tx2="dk2" accent1="accent1" accent2="accent2" accent3="accent3" accent4="accent4" accent5="accent5" accent6="accent6" hlink="hlink" folHlink="folHlink"/>
  <p:sldLayoutIdLst>
    <p:sldLayoutId id="2147483952" r:id="rId1"/>
    <p:sldLayoutId id="2147483953" r:id="rId2"/>
    <p:sldLayoutId id="2147483954" r:id="rId3"/>
    <p:sldLayoutId id="2147483955" r:id="rId4"/>
    <p:sldLayoutId id="2147483956" r:id="rId5"/>
    <p:sldLayoutId id="2147483957" r:id="rId6"/>
    <p:sldLayoutId id="2147483958" r:id="rId7"/>
    <p:sldLayoutId id="2147483959" r:id="rId8"/>
    <p:sldLayoutId id="2147483960" r:id="rId9"/>
    <p:sldLayoutId id="2147483961" r:id="rId10"/>
    <p:sldLayoutId id="2147483962" r:id="rId11"/>
    <p:sldLayoutId id="2147483963" r:id="rId12"/>
  </p:sldLayoutIdLst>
  <p:hf hdr="0" dt="0"/>
  <p:txStyles>
    <p:titleStyle>
      <a:lvl1pPr algn="l" rtl="0" eaLnBrk="0" fontAlgn="base" hangingPunct="0">
        <a:spcBef>
          <a:spcPct val="0"/>
        </a:spcBef>
        <a:spcAft>
          <a:spcPct val="0"/>
        </a:spcAft>
        <a:defRPr sz="4400">
          <a:solidFill>
            <a:schemeClr val="tx1"/>
          </a:solidFill>
          <a:latin typeface="+mj-lt"/>
          <a:ea typeface="+mj-ea"/>
          <a:cs typeface="+mj-cs"/>
        </a:defRPr>
      </a:lvl1pPr>
      <a:lvl2pPr algn="l" rtl="0" eaLnBrk="0" fontAlgn="base" hangingPunct="0">
        <a:spcBef>
          <a:spcPct val="0"/>
        </a:spcBef>
        <a:spcAft>
          <a:spcPct val="0"/>
        </a:spcAft>
        <a:defRPr sz="4400">
          <a:solidFill>
            <a:schemeClr val="tx1"/>
          </a:solidFill>
          <a:latin typeface="Arial" charset="0"/>
        </a:defRPr>
      </a:lvl2pPr>
      <a:lvl3pPr algn="l" rtl="0" eaLnBrk="0" fontAlgn="base" hangingPunct="0">
        <a:spcBef>
          <a:spcPct val="0"/>
        </a:spcBef>
        <a:spcAft>
          <a:spcPct val="0"/>
        </a:spcAft>
        <a:defRPr sz="4400">
          <a:solidFill>
            <a:schemeClr val="tx1"/>
          </a:solidFill>
          <a:latin typeface="Arial" charset="0"/>
        </a:defRPr>
      </a:lvl3pPr>
      <a:lvl4pPr algn="l" rtl="0" eaLnBrk="0" fontAlgn="base" hangingPunct="0">
        <a:spcBef>
          <a:spcPct val="0"/>
        </a:spcBef>
        <a:spcAft>
          <a:spcPct val="0"/>
        </a:spcAft>
        <a:defRPr sz="4400">
          <a:solidFill>
            <a:schemeClr val="tx1"/>
          </a:solidFill>
          <a:latin typeface="Arial" charset="0"/>
        </a:defRPr>
      </a:lvl4pPr>
      <a:lvl5pPr algn="l" rtl="0" eaLnBrk="0" fontAlgn="base" hangingPunct="0">
        <a:spcBef>
          <a:spcPct val="0"/>
        </a:spcBef>
        <a:spcAft>
          <a:spcPct val="0"/>
        </a:spcAft>
        <a:defRPr sz="4400">
          <a:solidFill>
            <a:schemeClr val="tx1"/>
          </a:solidFill>
          <a:latin typeface="Arial" charset="0"/>
        </a:defRPr>
      </a:lvl5pPr>
      <a:lvl6pPr marL="457200" algn="l" rtl="0" fontAlgn="base">
        <a:spcBef>
          <a:spcPct val="0"/>
        </a:spcBef>
        <a:spcAft>
          <a:spcPct val="0"/>
        </a:spcAft>
        <a:defRPr sz="4400">
          <a:solidFill>
            <a:schemeClr val="tx1"/>
          </a:solidFill>
          <a:latin typeface="Arial" charset="0"/>
        </a:defRPr>
      </a:lvl6pPr>
      <a:lvl7pPr marL="914400" algn="l" rtl="0" fontAlgn="base">
        <a:spcBef>
          <a:spcPct val="0"/>
        </a:spcBef>
        <a:spcAft>
          <a:spcPct val="0"/>
        </a:spcAft>
        <a:defRPr sz="4400">
          <a:solidFill>
            <a:schemeClr val="tx1"/>
          </a:solidFill>
          <a:latin typeface="Arial" charset="0"/>
        </a:defRPr>
      </a:lvl7pPr>
      <a:lvl8pPr marL="1371600" algn="l" rtl="0" fontAlgn="base">
        <a:spcBef>
          <a:spcPct val="0"/>
        </a:spcBef>
        <a:spcAft>
          <a:spcPct val="0"/>
        </a:spcAft>
        <a:defRPr sz="4400">
          <a:solidFill>
            <a:schemeClr val="tx1"/>
          </a:solidFill>
          <a:latin typeface="Arial" charset="0"/>
        </a:defRPr>
      </a:lvl8pPr>
      <a:lvl9pPr marL="1828800" algn="l" rtl="0" fontAlgn="base">
        <a:spcBef>
          <a:spcPct val="0"/>
        </a:spcBef>
        <a:spcAft>
          <a:spcPct val="0"/>
        </a:spcAft>
        <a:defRPr sz="4400">
          <a:solidFill>
            <a:schemeClr val="tx1"/>
          </a:solidFill>
          <a:latin typeface="Arial" charset="0"/>
        </a:defRPr>
      </a:lvl9pPr>
    </p:titleStyle>
    <p:bodyStyle>
      <a:lvl1pPr marL="342900" indent="-342900" algn="l" rtl="0" eaLnBrk="0" fontAlgn="base" hangingPunct="0">
        <a:spcBef>
          <a:spcPct val="20000"/>
        </a:spcBef>
        <a:spcAft>
          <a:spcPct val="0"/>
        </a:spcAft>
        <a:buClr>
          <a:schemeClr val="bg2"/>
        </a:buClr>
        <a:buSzPct val="75000"/>
        <a:buFont typeface="Wingdings" pitchFamily="2" charset="2"/>
        <a:buChar char="n"/>
        <a:defRPr sz="3200">
          <a:solidFill>
            <a:schemeClr val="tx1"/>
          </a:solidFill>
          <a:latin typeface="+mn-lt"/>
          <a:ea typeface="+mn-ea"/>
          <a:cs typeface="+mn-cs"/>
        </a:defRPr>
      </a:lvl1pPr>
      <a:lvl2pPr marL="742950" indent="-285750" algn="l" rtl="0" eaLnBrk="0" fontAlgn="base" hangingPunct="0">
        <a:spcBef>
          <a:spcPct val="20000"/>
        </a:spcBef>
        <a:spcAft>
          <a:spcPct val="0"/>
        </a:spcAft>
        <a:buClr>
          <a:schemeClr val="accent2"/>
        </a:buClr>
        <a:buSzPct val="80000"/>
        <a:buFont typeface="Wingdings" pitchFamily="2" charset="2"/>
        <a:buChar char="¨"/>
        <a:defRPr sz="2800">
          <a:solidFill>
            <a:schemeClr val="tx1"/>
          </a:solidFill>
          <a:latin typeface="+mn-lt"/>
        </a:defRPr>
      </a:lvl2pPr>
      <a:lvl3pPr marL="1143000" indent="-228600" algn="l" rtl="0" eaLnBrk="0" fontAlgn="base" hangingPunct="0">
        <a:spcBef>
          <a:spcPct val="20000"/>
        </a:spcBef>
        <a:spcAft>
          <a:spcPct val="0"/>
        </a:spcAft>
        <a:buClr>
          <a:schemeClr val="bg2"/>
        </a:buClr>
        <a:buSzPct val="65000"/>
        <a:buFont typeface="Wingdings" pitchFamily="2" charset="2"/>
        <a:buChar char="n"/>
        <a:defRPr sz="2400">
          <a:solidFill>
            <a:schemeClr val="tx1"/>
          </a:solidFill>
          <a:latin typeface="+mn-lt"/>
        </a:defRPr>
      </a:lvl3pPr>
      <a:lvl4pPr marL="1600200" indent="-228600" algn="l" rtl="0" eaLnBrk="0" fontAlgn="base" hangingPunct="0">
        <a:spcBef>
          <a:spcPct val="20000"/>
        </a:spcBef>
        <a:spcAft>
          <a:spcPct val="0"/>
        </a:spcAft>
        <a:buClr>
          <a:schemeClr val="accent2"/>
        </a:buClr>
        <a:buSzPct val="70000"/>
        <a:buFont typeface="Wingdings" pitchFamily="2" charset="2"/>
        <a:buChar char="¨"/>
        <a:defRPr sz="2000">
          <a:solidFill>
            <a:schemeClr val="tx1"/>
          </a:solidFill>
          <a:latin typeface="+mn-lt"/>
        </a:defRPr>
      </a:lvl4pPr>
      <a:lvl5pPr marL="2057400" indent="-228600" algn="l" rtl="0" eaLnBrk="0" fontAlgn="base" hangingPunct="0">
        <a:spcBef>
          <a:spcPct val="20000"/>
        </a:spcBef>
        <a:spcAft>
          <a:spcPct val="0"/>
        </a:spcAft>
        <a:buClr>
          <a:schemeClr val="bg2"/>
        </a:buClr>
        <a:buFont typeface="Wingdings" pitchFamily="2" charset="2"/>
        <a:buChar char="§"/>
        <a:defRPr sz="2000">
          <a:solidFill>
            <a:schemeClr val="tx1"/>
          </a:solidFill>
          <a:latin typeface="+mn-lt"/>
        </a:defRPr>
      </a:lvl5pPr>
      <a:lvl6pPr marL="2514600" indent="-228600" algn="l" rtl="0" fontAlgn="base">
        <a:spcBef>
          <a:spcPct val="20000"/>
        </a:spcBef>
        <a:spcAft>
          <a:spcPct val="0"/>
        </a:spcAft>
        <a:buClr>
          <a:schemeClr val="bg2"/>
        </a:buClr>
        <a:buFont typeface="Wingdings" pitchFamily="2" charset="2"/>
        <a:buChar char="§"/>
        <a:defRPr sz="2000">
          <a:solidFill>
            <a:schemeClr val="tx1"/>
          </a:solidFill>
          <a:latin typeface="+mn-lt"/>
        </a:defRPr>
      </a:lvl6pPr>
      <a:lvl7pPr marL="2971800" indent="-228600" algn="l" rtl="0" fontAlgn="base">
        <a:spcBef>
          <a:spcPct val="20000"/>
        </a:spcBef>
        <a:spcAft>
          <a:spcPct val="0"/>
        </a:spcAft>
        <a:buClr>
          <a:schemeClr val="bg2"/>
        </a:buClr>
        <a:buFont typeface="Wingdings" pitchFamily="2" charset="2"/>
        <a:buChar char="§"/>
        <a:defRPr sz="2000">
          <a:solidFill>
            <a:schemeClr val="tx1"/>
          </a:solidFill>
          <a:latin typeface="+mn-lt"/>
        </a:defRPr>
      </a:lvl7pPr>
      <a:lvl8pPr marL="3429000" indent="-228600" algn="l" rtl="0" fontAlgn="base">
        <a:spcBef>
          <a:spcPct val="20000"/>
        </a:spcBef>
        <a:spcAft>
          <a:spcPct val="0"/>
        </a:spcAft>
        <a:buClr>
          <a:schemeClr val="bg2"/>
        </a:buClr>
        <a:buFont typeface="Wingdings" pitchFamily="2" charset="2"/>
        <a:buChar char="§"/>
        <a:defRPr sz="2000">
          <a:solidFill>
            <a:schemeClr val="tx1"/>
          </a:solidFill>
          <a:latin typeface="+mn-lt"/>
        </a:defRPr>
      </a:lvl8pPr>
      <a:lvl9pPr marL="3886200" indent="-228600" algn="l" rtl="0" fontAlgn="base">
        <a:spcBef>
          <a:spcPct val="20000"/>
        </a:spcBef>
        <a:spcAft>
          <a:spcPct val="0"/>
        </a:spcAft>
        <a:buClr>
          <a:schemeClr val="bg2"/>
        </a:buClr>
        <a:buFont typeface="Wingdings" pitchFamily="2" charset="2"/>
        <a:buChar char="§"/>
        <a:defRPr sz="2000">
          <a:solidFill>
            <a:schemeClr val="tx1"/>
          </a:solidFill>
          <a:latin typeface="+mn-lt"/>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93.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96.xml"/></Relationships>
</file>

<file path=ppt/slides/_rels/slide11.xml.rels><?xml version="1.0" encoding="UTF-8" standalone="yes"?>
<Relationships xmlns="http://schemas.openxmlformats.org/package/2006/relationships"><Relationship Id="rId2" Type="http://schemas.openxmlformats.org/officeDocument/2006/relationships/image" Target="../media/image20.jpeg"/><Relationship Id="rId1" Type="http://schemas.openxmlformats.org/officeDocument/2006/relationships/slideLayout" Target="../slideLayouts/slideLayout9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95.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94.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94.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94.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94.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94.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94.xml"/></Relationships>
</file>

<file path=ppt/slides/_rels/slide2.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Layout" Target="../slideLayouts/slideLayout96.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94.xml"/></Relationships>
</file>

<file path=ppt/slides/_rels/slide4.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Layout" Target="../slideLayouts/slideLayout96.xml"/></Relationships>
</file>

<file path=ppt/slides/_rels/slide5.xml.rels><?xml version="1.0" encoding="UTF-8" standalone="yes"?>
<Relationships xmlns="http://schemas.openxmlformats.org/package/2006/relationships"><Relationship Id="rId2" Type="http://schemas.openxmlformats.org/officeDocument/2006/relationships/image" Target="../media/image10.jpeg"/><Relationship Id="rId1" Type="http://schemas.openxmlformats.org/officeDocument/2006/relationships/slideLayout" Target="../slideLayouts/slideLayout96.xml"/></Relationships>
</file>

<file path=ppt/slides/_rels/slide6.xml.rels><?xml version="1.0" encoding="UTF-8" standalone="yes"?>
<Relationships xmlns="http://schemas.openxmlformats.org/package/2006/relationships"><Relationship Id="rId2" Type="http://schemas.openxmlformats.org/officeDocument/2006/relationships/image" Target="../media/image11.jpeg"/><Relationship Id="rId1" Type="http://schemas.openxmlformats.org/officeDocument/2006/relationships/slideLayout" Target="../slideLayouts/slideLayout96.xml"/></Relationships>
</file>

<file path=ppt/slides/_rels/slide7.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3.png"/><Relationship Id="rId7" Type="http://schemas.openxmlformats.org/officeDocument/2006/relationships/image" Target="../media/image17.png"/><Relationship Id="rId2" Type="http://schemas.openxmlformats.org/officeDocument/2006/relationships/image" Target="../media/image12.png"/><Relationship Id="rId1" Type="http://schemas.openxmlformats.org/officeDocument/2006/relationships/slideLayout" Target="../slideLayouts/slideLayout94.xml"/><Relationship Id="rId6" Type="http://schemas.openxmlformats.org/officeDocument/2006/relationships/image" Target="../media/image16.png"/><Relationship Id="rId5" Type="http://schemas.openxmlformats.org/officeDocument/2006/relationships/image" Target="../media/image15.png"/><Relationship Id="rId4" Type="http://schemas.openxmlformats.org/officeDocument/2006/relationships/image" Target="../media/image14.png"/></Relationships>
</file>

<file path=ppt/slides/_rels/slide8.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2.xml"/><Relationship Id="rId1" Type="http://schemas.openxmlformats.org/officeDocument/2006/relationships/slideLayout" Target="../slideLayouts/slideLayout96.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9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0482" name="Rectangle 2"/>
          <p:cNvSpPr>
            <a:spLocks noGrp="1" noChangeArrowheads="1"/>
          </p:cNvSpPr>
          <p:nvPr>
            <p:ph type="ctrTitle"/>
          </p:nvPr>
        </p:nvSpPr>
        <p:spPr>
          <a:xfrm>
            <a:off x="4724400" y="1916832"/>
            <a:ext cx="5943600" cy="2209800"/>
          </a:xfrm>
        </p:spPr>
        <p:txBody>
          <a:bodyPr/>
          <a:lstStyle/>
          <a:p>
            <a:pPr eaLnBrk="1" hangingPunct="1"/>
            <a:r>
              <a:rPr lang="nb-NO" sz="4800" b="1">
                <a:latin typeface="Times New Roman" panose="02020603050405020304" pitchFamily="18" charset="0"/>
                <a:cs typeface="Times New Roman" panose="02020603050405020304" pitchFamily="18" charset="0"/>
              </a:rPr>
              <a:t>NfN</a:t>
            </a:r>
            <a:br>
              <a:rPr lang="nb-NO" sz="4800" b="1">
                <a:latin typeface="Times New Roman" panose="02020603050405020304" pitchFamily="18" charset="0"/>
                <a:cs typeface="Times New Roman" panose="02020603050405020304" pitchFamily="18" charset="0"/>
              </a:rPr>
            </a:br>
            <a:br>
              <a:rPr lang="nb-NO" sz="3600" b="1">
                <a:latin typeface="Times New Roman" panose="02020603050405020304" pitchFamily="18" charset="0"/>
                <a:cs typeface="Times New Roman" panose="02020603050405020304" pitchFamily="18" charset="0"/>
              </a:rPr>
            </a:br>
            <a:r>
              <a:rPr lang="nb-NO" sz="2400">
                <a:latin typeface="Times New Roman" panose="02020603050405020304" pitchFamily="18" charset="0"/>
                <a:cs typeface="Times New Roman" panose="02020603050405020304" pitchFamily="18" charset="0"/>
              </a:rPr>
              <a:t>Norwegian </a:t>
            </a:r>
            <a:r>
              <a:rPr lang="nb-NO" sz="2400" err="1">
                <a:latin typeface="Times New Roman" panose="02020603050405020304" pitchFamily="18" charset="0"/>
                <a:cs typeface="Times New Roman" panose="02020603050405020304" pitchFamily="18" charset="0"/>
              </a:rPr>
              <a:t>Facility</a:t>
            </a:r>
            <a:r>
              <a:rPr lang="nb-NO" sz="2400">
                <a:latin typeface="Times New Roman" panose="02020603050405020304" pitchFamily="18" charset="0"/>
                <a:cs typeface="Times New Roman" panose="02020603050405020304" pitchFamily="18" charset="0"/>
              </a:rPr>
              <a:t> Management Network</a:t>
            </a:r>
            <a:endParaRPr lang="nb-NO" sz="2400">
              <a:latin typeface="Times New Roman" pitchFamily="18" charset="0"/>
            </a:endParaRPr>
          </a:p>
        </p:txBody>
      </p:sp>
      <p:sp>
        <p:nvSpPr>
          <p:cNvPr id="20483" name="Rectangle 3"/>
          <p:cNvSpPr>
            <a:spLocks noGrp="1" noChangeArrowheads="1"/>
          </p:cNvSpPr>
          <p:nvPr>
            <p:ph type="subTitle" idx="1"/>
          </p:nvPr>
        </p:nvSpPr>
        <p:spPr>
          <a:xfrm>
            <a:off x="2063750" y="3860800"/>
            <a:ext cx="8135938" cy="1752600"/>
          </a:xfrm>
        </p:spPr>
        <p:txBody>
          <a:bodyPr/>
          <a:lstStyle/>
          <a:p>
            <a:pPr eaLnBrk="1" hangingPunct="1"/>
            <a:br>
              <a:rPr lang="nb-NO" noProof="0"/>
            </a:br>
            <a:endParaRPr lang="nb-NO" sz="2600"/>
          </a:p>
        </p:txBody>
      </p:sp>
      <p:sp>
        <p:nvSpPr>
          <p:cNvPr id="2" name="TextBox 1"/>
          <p:cNvSpPr txBox="1"/>
          <p:nvPr/>
        </p:nvSpPr>
        <p:spPr>
          <a:xfrm>
            <a:off x="1632278" y="4984601"/>
            <a:ext cx="8927444" cy="892552"/>
          </a:xfrm>
          <a:prstGeom prst="rect">
            <a:avLst/>
          </a:prstGeom>
          <a:noFill/>
        </p:spPr>
        <p:txBody>
          <a:bodyPr wrap="none" lIns="91440" tIns="45720" rIns="91440" bIns="45720" rtlCol="0" anchor="t">
            <a:spAutoFit/>
          </a:bodyPr>
          <a:lstStyle/>
          <a:p>
            <a:pPr fontAlgn="base">
              <a:spcBef>
                <a:spcPct val="0"/>
              </a:spcBef>
              <a:spcAft>
                <a:spcPct val="0"/>
              </a:spcAft>
            </a:pPr>
            <a:r>
              <a:rPr lang="nb-NO" sz="3200" dirty="0">
                <a:solidFill>
                  <a:srgbClr val="000000"/>
                </a:solidFill>
                <a:latin typeface="Arial"/>
                <a:cs typeface="Arial"/>
              </a:rPr>
              <a:t>Sak 4-26 Styrets årsberetning for driftsåret 2025</a:t>
            </a:r>
            <a:br>
              <a:rPr lang="nb-NO" sz="3200" dirty="0">
                <a:solidFill>
                  <a:srgbClr val="000000"/>
                </a:solidFill>
                <a:latin typeface="Arial" charset="0"/>
              </a:rPr>
            </a:br>
            <a:r>
              <a:rPr lang="nb-NO" sz="2000" dirty="0">
                <a:solidFill>
                  <a:srgbClr val="000000"/>
                </a:solidFill>
                <a:latin typeface="Arial" charset="0"/>
                <a:cs typeface="Arial"/>
              </a:rPr>
              <a:t>NfN Årsmøte 2026, 9. - 13 mars 2026</a:t>
            </a:r>
            <a:endParaRPr lang="nb-NO" sz="2000" dirty="0">
              <a:solidFill>
                <a:srgbClr val="000000"/>
              </a:solidFill>
              <a:highlight>
                <a:srgbClr val="FFFF00"/>
              </a:highlight>
              <a:latin typeface="Arial" charset="0"/>
              <a:cs typeface="Arial"/>
            </a:endParaRPr>
          </a:p>
        </p:txBody>
      </p:sp>
    </p:spTree>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86A90F-2B87-E91B-B1BB-CDF6E14DC13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AEA438D-8B65-56C7-332F-6BBF0C10A2F3}"/>
              </a:ext>
            </a:extLst>
          </p:cNvPr>
          <p:cNvSpPr>
            <a:spLocks noGrp="1"/>
          </p:cNvSpPr>
          <p:nvPr>
            <p:ph type="title"/>
          </p:nvPr>
        </p:nvSpPr>
        <p:spPr>
          <a:xfrm>
            <a:off x="1956780" y="990600"/>
            <a:ext cx="8075240" cy="282352"/>
          </a:xfrm>
        </p:spPr>
        <p:txBody>
          <a:bodyPr/>
          <a:lstStyle/>
          <a:p>
            <a:pPr algn="ctr"/>
            <a:r>
              <a:rPr lang="nb-NO" sz="2400" b="1" dirty="0"/>
              <a:t>Oppdateringer i </a:t>
            </a:r>
            <a:r>
              <a:rPr lang="nb-NO" sz="2400" b="1" dirty="0" err="1"/>
              <a:t>NfNs</a:t>
            </a:r>
            <a:r>
              <a:rPr lang="nb-NO" sz="2400" b="1" dirty="0"/>
              <a:t> programkomiteer 2025</a:t>
            </a:r>
          </a:p>
        </p:txBody>
      </p:sp>
      <p:sp>
        <p:nvSpPr>
          <p:cNvPr id="6" name="Slide Number Placeholder 5">
            <a:extLst>
              <a:ext uri="{FF2B5EF4-FFF2-40B4-BE49-F238E27FC236}">
                <a16:creationId xmlns:a16="http://schemas.microsoft.com/office/drawing/2014/main" id="{6D7AFAE8-2442-CA13-F944-2D8BAB262CF1}"/>
              </a:ext>
            </a:extLst>
          </p:cNvPr>
          <p:cNvSpPr>
            <a:spLocks noGrp="1"/>
          </p:cNvSpPr>
          <p:nvPr>
            <p:ph type="sldNum" sz="quarter" idx="11"/>
          </p:nvPr>
        </p:nvSpPr>
        <p:spPr/>
        <p:txBody>
          <a:bodyPr/>
          <a:lstStyle/>
          <a:p>
            <a:pPr fontAlgn="base">
              <a:spcBef>
                <a:spcPct val="0"/>
              </a:spcBef>
              <a:spcAft>
                <a:spcPct val="0"/>
              </a:spcAft>
              <a:defRPr/>
            </a:pPr>
            <a:fld id="{F0BA6984-9ACB-4E76-B1C8-DF4CEFE456E6}" type="slidenum">
              <a:rPr lang="nb-NO">
                <a:solidFill>
                  <a:srgbClr val="A8FFC8"/>
                </a:solidFill>
              </a:rPr>
              <a:pPr fontAlgn="base">
                <a:spcBef>
                  <a:spcPct val="0"/>
                </a:spcBef>
                <a:spcAft>
                  <a:spcPct val="0"/>
                </a:spcAft>
                <a:defRPr/>
              </a:pPr>
              <a:t>10</a:t>
            </a:fld>
            <a:endParaRPr lang="nb-NO">
              <a:solidFill>
                <a:srgbClr val="A8FFC8"/>
              </a:solidFill>
            </a:endParaRPr>
          </a:p>
        </p:txBody>
      </p:sp>
      <p:sp>
        <p:nvSpPr>
          <p:cNvPr id="7" name="Plassholder for bunntekst 3">
            <a:extLst>
              <a:ext uri="{FF2B5EF4-FFF2-40B4-BE49-F238E27FC236}">
                <a16:creationId xmlns:a16="http://schemas.microsoft.com/office/drawing/2014/main" id="{C821DC53-D405-2FE7-AE15-7335C4FE7148}"/>
              </a:ext>
            </a:extLst>
          </p:cNvPr>
          <p:cNvSpPr>
            <a:spLocks noGrp="1"/>
          </p:cNvSpPr>
          <p:nvPr>
            <p:ph type="ftr" sz="quarter" idx="10"/>
          </p:nvPr>
        </p:nvSpPr>
        <p:spPr bwMode="auto">
          <a:xfrm>
            <a:off x="3719514" y="6248400"/>
            <a:ext cx="4321175" cy="457200"/>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normAutofit fontScale="92500" lnSpcReduction="20000"/>
          </a:bodyPr>
          <a:lstStyle/>
          <a:p>
            <a:pPr fontAlgn="base">
              <a:spcBef>
                <a:spcPct val="0"/>
              </a:spcBef>
              <a:spcAft>
                <a:spcPts val="600"/>
              </a:spcAft>
              <a:defRPr/>
            </a:pPr>
            <a:r>
              <a:rPr lang="nb-NO">
                <a:solidFill>
                  <a:srgbClr val="00007D"/>
                </a:solidFill>
              </a:rPr>
              <a:t>NfN</a:t>
            </a:r>
          </a:p>
          <a:p>
            <a:pPr fontAlgn="base">
              <a:spcBef>
                <a:spcPct val="0"/>
              </a:spcBef>
              <a:spcAft>
                <a:spcPts val="600"/>
              </a:spcAft>
              <a:defRPr/>
            </a:pPr>
            <a:r>
              <a:rPr lang="nb-NO">
                <a:solidFill>
                  <a:srgbClr val="00007D"/>
                </a:solidFill>
              </a:rPr>
              <a:t>Norwegian </a:t>
            </a:r>
            <a:r>
              <a:rPr lang="nb-NO" err="1">
                <a:solidFill>
                  <a:srgbClr val="00007D"/>
                </a:solidFill>
              </a:rPr>
              <a:t>Facility</a:t>
            </a:r>
            <a:r>
              <a:rPr lang="nb-NO">
                <a:solidFill>
                  <a:srgbClr val="00007D"/>
                </a:solidFill>
              </a:rPr>
              <a:t> Management Network</a:t>
            </a:r>
          </a:p>
        </p:txBody>
      </p:sp>
      <p:sp>
        <p:nvSpPr>
          <p:cNvPr id="8" name="Content Placeholder 7">
            <a:extLst>
              <a:ext uri="{FF2B5EF4-FFF2-40B4-BE49-F238E27FC236}">
                <a16:creationId xmlns:a16="http://schemas.microsoft.com/office/drawing/2014/main" id="{3834A0DC-DB60-3586-F923-A01E5D4A6F4E}"/>
              </a:ext>
            </a:extLst>
          </p:cNvPr>
          <p:cNvSpPr>
            <a:spLocks noGrp="1"/>
          </p:cNvSpPr>
          <p:nvPr>
            <p:ph sz="half" idx="1"/>
          </p:nvPr>
        </p:nvSpPr>
        <p:spPr>
          <a:xfrm>
            <a:off x="1007009" y="1981200"/>
            <a:ext cx="9974782" cy="3886200"/>
          </a:xfrm>
        </p:spPr>
        <p:txBody>
          <a:bodyPr/>
          <a:lstStyle/>
          <a:p>
            <a:pPr>
              <a:lnSpc>
                <a:spcPct val="150000"/>
              </a:lnSpc>
            </a:pPr>
            <a:r>
              <a:rPr lang="nb-NO" sz="1700" dirty="0"/>
              <a:t>I oktober 2025 ble </a:t>
            </a:r>
            <a:r>
              <a:rPr lang="nb-NO" sz="1700"/>
              <a:t>programkomiteen Proptech</a:t>
            </a:r>
            <a:r>
              <a:rPr lang="nb-NO" sz="1700" dirty="0"/>
              <a:t>/FM-systemer oppløst.</a:t>
            </a:r>
          </a:p>
          <a:p>
            <a:pPr>
              <a:lnSpc>
                <a:spcPct val="150000"/>
              </a:lnSpc>
            </a:pPr>
            <a:r>
              <a:rPr lang="nb-NO" sz="1700" dirty="0"/>
              <a:t>Flere av medlemmene deltok videre i andre programkomiteer i NfN.</a:t>
            </a:r>
          </a:p>
          <a:p>
            <a:pPr>
              <a:lnSpc>
                <a:spcPct val="150000"/>
              </a:lnSpc>
            </a:pPr>
            <a:r>
              <a:rPr lang="nb-NO" sz="1800" dirty="0"/>
              <a:t>Årsaken for oppløsningen av programkomiteen </a:t>
            </a:r>
            <a:r>
              <a:rPr lang="nb-NO" sz="1800" dirty="0" err="1"/>
              <a:t>Proptech</a:t>
            </a:r>
            <a:r>
              <a:rPr lang="nb-NO" sz="1800" dirty="0"/>
              <a:t>/FM systemer er at gruppens fokus allerede er ivaretatt i de øvrige programkomiteene. </a:t>
            </a:r>
            <a:endParaRPr lang="nb-NO" sz="1200" dirty="0"/>
          </a:p>
        </p:txBody>
      </p:sp>
    </p:spTree>
    <p:extLst>
      <p:ext uri="{BB962C8B-B14F-4D97-AF65-F5344CB8AC3E}">
        <p14:creationId xmlns:p14="http://schemas.microsoft.com/office/powerpoint/2010/main" val="384998001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descr="Abstract line art skyscrapers">
            <a:extLst>
              <a:ext uri="{FF2B5EF4-FFF2-40B4-BE49-F238E27FC236}">
                <a16:creationId xmlns:a16="http://schemas.microsoft.com/office/drawing/2014/main" id="{6DBEEF76-71BE-A56E-19D2-AD292AB61E57}"/>
              </a:ext>
            </a:extLst>
          </p:cNvPr>
          <p:cNvPicPr>
            <a:picLocks noChangeAspect="1"/>
          </p:cNvPicPr>
          <p:nvPr/>
        </p:nvPicPr>
        <p:blipFill>
          <a:blip r:embed="rId2">
            <a:alphaModFix amt="20000"/>
            <a:extLst>
              <a:ext uri="{28A0092B-C50C-407E-A947-70E740481C1C}">
                <a14:useLocalDpi xmlns:a14="http://schemas.microsoft.com/office/drawing/2010/main" val="0"/>
              </a:ext>
            </a:extLst>
          </a:blip>
          <a:stretch>
            <a:fillRect/>
          </a:stretch>
        </p:blipFill>
        <p:spPr>
          <a:xfrm>
            <a:off x="1543720" y="705446"/>
            <a:ext cx="9144000" cy="6152555"/>
          </a:xfrm>
          <a:prstGeom prst="rect">
            <a:avLst/>
          </a:prstGeom>
        </p:spPr>
      </p:pic>
      <p:sp>
        <p:nvSpPr>
          <p:cNvPr id="2" name="Title 1">
            <a:extLst>
              <a:ext uri="{FF2B5EF4-FFF2-40B4-BE49-F238E27FC236}">
                <a16:creationId xmlns:a16="http://schemas.microsoft.com/office/drawing/2014/main" id="{2714D676-CCB0-9565-7D92-DFC1F5E4AEF3}"/>
              </a:ext>
            </a:extLst>
          </p:cNvPr>
          <p:cNvSpPr>
            <a:spLocks noGrp="1"/>
          </p:cNvSpPr>
          <p:nvPr>
            <p:ph type="title"/>
          </p:nvPr>
        </p:nvSpPr>
        <p:spPr/>
        <p:txBody>
          <a:bodyPr/>
          <a:lstStyle/>
          <a:p>
            <a:r>
              <a:rPr lang="nb-NO" sz="2400" b="1"/>
              <a:t>Økonomisk status		</a:t>
            </a:r>
          </a:p>
        </p:txBody>
      </p:sp>
      <p:sp>
        <p:nvSpPr>
          <p:cNvPr id="3" name="Content Placeholder 2">
            <a:extLst>
              <a:ext uri="{FF2B5EF4-FFF2-40B4-BE49-F238E27FC236}">
                <a16:creationId xmlns:a16="http://schemas.microsoft.com/office/drawing/2014/main" id="{DE986335-24FD-4DC2-9EE5-F27977908C3F}"/>
              </a:ext>
            </a:extLst>
          </p:cNvPr>
          <p:cNvSpPr>
            <a:spLocks noGrp="1"/>
          </p:cNvSpPr>
          <p:nvPr>
            <p:ph idx="1"/>
          </p:nvPr>
        </p:nvSpPr>
        <p:spPr/>
        <p:txBody>
          <a:bodyPr/>
          <a:lstStyle/>
          <a:p>
            <a:pPr marL="0" indent="0" eaLnBrk="1" hangingPunct="1">
              <a:spcBef>
                <a:spcPct val="0"/>
              </a:spcBef>
              <a:buClrTx/>
              <a:buSzTx/>
              <a:buNone/>
              <a:defRPr/>
            </a:pPr>
            <a:r>
              <a:rPr lang="nb-NO" sz="1400" kern="1200" dirty="0"/>
              <a:t>Inntektene i NfN er årskontingenten, innbetalt av nettverkets medlemmer. NfN-nettverket drives fortsatt etter en «dugnadsbasert» selvkost-modell, med målsetting om å holde kostnadene lavest mulig. Nettverksmøter og andre møter ble i driftsåret 2025, gjennomført i hovedsak som digitale møter. Alle møter, også de fysiske møtene, ble gjennomført med støtte fra medlemsbedriftene, uten kostnader for deltakerne på møtene.</a:t>
            </a:r>
            <a:br>
              <a:rPr lang="nb-NO" sz="1400" kern="1200" dirty="0"/>
            </a:br>
            <a:endParaRPr lang="nb-NO" sz="1400" kern="1200" dirty="0"/>
          </a:p>
          <a:p>
            <a:pPr marL="0" indent="0" eaLnBrk="1" hangingPunct="1">
              <a:spcBef>
                <a:spcPct val="0"/>
              </a:spcBef>
              <a:buClrTx/>
              <a:buSzTx/>
              <a:buNone/>
              <a:defRPr/>
            </a:pPr>
            <a:r>
              <a:rPr lang="nb-NO" sz="1400" kern="1200" dirty="0"/>
              <a:t>Budsjettet for inneværende driftsperiode ble besluttet på Årsmøtet 2025. Økonomien har vært styrt etter dette og innenfor en nøktern drift, for å sikre nødvendige midler til framtidig utvikling og nødvendige investeringer.</a:t>
            </a:r>
          </a:p>
          <a:p>
            <a:pPr marL="0" indent="0" eaLnBrk="1" hangingPunct="1">
              <a:spcBef>
                <a:spcPct val="0"/>
              </a:spcBef>
              <a:buClrTx/>
              <a:buSzTx/>
              <a:buNone/>
              <a:defRPr/>
            </a:pPr>
            <a:endParaRPr lang="nb-NO" sz="1400" kern="1200" dirty="0"/>
          </a:p>
          <a:p>
            <a:pPr marL="0" indent="0" eaLnBrk="1" hangingPunct="1">
              <a:spcBef>
                <a:spcPct val="0"/>
              </a:spcBef>
              <a:buClrTx/>
              <a:buSzTx/>
              <a:buNone/>
              <a:defRPr/>
            </a:pPr>
            <a:r>
              <a:rPr lang="nb-NO" sz="1400" kern="1200" dirty="0"/>
              <a:t>Alle kostnader knyttet til nettverkets daglige drift og utvikling, er basert på avtaler. Styrets medlemmer er ikke lønnet. Styrets innsats og innsatsen fra valgkomite, revisor og dels også administrasjonen, preges av frivillighet og «subsidierte» satser.</a:t>
            </a:r>
          </a:p>
          <a:p>
            <a:pPr marL="0" indent="0" eaLnBrk="1" hangingPunct="1">
              <a:spcBef>
                <a:spcPct val="0"/>
              </a:spcBef>
              <a:buClrTx/>
              <a:buSzTx/>
              <a:buNone/>
              <a:defRPr/>
            </a:pPr>
            <a:endParaRPr lang="nb-NO" sz="1400" kern="1200" dirty="0">
              <a:highlight>
                <a:srgbClr val="FFFF00"/>
              </a:highlight>
            </a:endParaRPr>
          </a:p>
          <a:p>
            <a:pPr marL="0" indent="0" eaLnBrk="1" hangingPunct="1">
              <a:spcBef>
                <a:spcPct val="0"/>
              </a:spcBef>
              <a:buClrTx/>
              <a:buSzTx/>
              <a:buNone/>
              <a:defRPr/>
            </a:pPr>
            <a:r>
              <a:rPr lang="nb-NO" sz="1400" kern="1200" dirty="0"/>
              <a:t>Driften gjennom inneværende periode viser en inntekt på </a:t>
            </a:r>
            <a:r>
              <a:rPr lang="nb-NO" sz="1400" dirty="0"/>
              <a:t>50 415 kr mindre enn budsjettert, men et regnskap med overskudd på ca. 74 710 kr.</a:t>
            </a:r>
            <a:endParaRPr lang="nb-NO" sz="1400" kern="1200" dirty="0"/>
          </a:p>
          <a:p>
            <a:pPr marL="0" indent="0" eaLnBrk="1" hangingPunct="1">
              <a:spcBef>
                <a:spcPct val="0"/>
              </a:spcBef>
              <a:buClrTx/>
              <a:buSzTx/>
              <a:buNone/>
              <a:defRPr/>
            </a:pPr>
            <a:endParaRPr lang="nb-NO" sz="1400" kern="1200" dirty="0">
              <a:highlight>
                <a:srgbClr val="FFFF00"/>
              </a:highlight>
            </a:endParaRPr>
          </a:p>
          <a:p>
            <a:pPr marL="0" indent="0" eaLnBrk="1" hangingPunct="1">
              <a:spcBef>
                <a:spcPct val="0"/>
              </a:spcBef>
              <a:buClrTx/>
              <a:buSzTx/>
              <a:buNone/>
              <a:defRPr/>
            </a:pPr>
            <a:r>
              <a:rPr lang="nb-NO" sz="1400" kern="1200" dirty="0"/>
              <a:t>Nettverkets økonomi anses som akseptabel, hensyntatt egenkapitalen.</a:t>
            </a:r>
            <a:br>
              <a:rPr lang="nb-NO" sz="1400" kern="1200" dirty="0">
                <a:highlight>
                  <a:srgbClr val="FFFF00"/>
                </a:highlight>
              </a:rPr>
            </a:br>
            <a:endParaRPr lang="nb-NO" sz="1400" kern="1200" dirty="0">
              <a:highlight>
                <a:srgbClr val="FFFF00"/>
              </a:highlight>
            </a:endParaRPr>
          </a:p>
          <a:p>
            <a:pPr marL="0" indent="0" eaLnBrk="1" hangingPunct="1">
              <a:spcBef>
                <a:spcPct val="0"/>
              </a:spcBef>
              <a:buClrTx/>
              <a:buSzTx/>
              <a:buNone/>
              <a:defRPr/>
            </a:pPr>
            <a:r>
              <a:rPr lang="nb-NO" sz="1400" kern="1200" dirty="0"/>
              <a:t>Se forøvrig egen behandling av regnskapet for 2025 i Sak 5.26 Regnskap 2025, på Årsmøtet 2026.</a:t>
            </a:r>
          </a:p>
          <a:p>
            <a:pPr marL="0" indent="0" eaLnBrk="1" hangingPunct="1">
              <a:spcBef>
                <a:spcPct val="0"/>
              </a:spcBef>
              <a:buClrTx/>
              <a:buSzTx/>
              <a:buNone/>
              <a:defRPr/>
            </a:pPr>
            <a:endParaRPr lang="nb-NO" sz="1300" kern="1200" dirty="0">
              <a:highlight>
                <a:srgbClr val="FFFF00"/>
              </a:highlight>
              <a:latin typeface="Arial" charset="0"/>
            </a:endParaRPr>
          </a:p>
        </p:txBody>
      </p:sp>
      <p:sp>
        <p:nvSpPr>
          <p:cNvPr id="5" name="Footer Placeholder 4">
            <a:extLst>
              <a:ext uri="{FF2B5EF4-FFF2-40B4-BE49-F238E27FC236}">
                <a16:creationId xmlns:a16="http://schemas.microsoft.com/office/drawing/2014/main" id="{E03A4909-E368-1093-8F75-8179023C0065}"/>
              </a:ext>
            </a:extLst>
          </p:cNvPr>
          <p:cNvSpPr>
            <a:spLocks noGrp="1"/>
          </p:cNvSpPr>
          <p:nvPr>
            <p:ph type="ftr" sz="quarter" idx="10"/>
          </p:nvPr>
        </p:nvSpPr>
        <p:spPr/>
        <p:txBody>
          <a:bodyPr/>
          <a:lstStyle/>
          <a:p>
            <a:pPr fontAlgn="base">
              <a:spcBef>
                <a:spcPct val="0"/>
              </a:spcBef>
              <a:spcAft>
                <a:spcPct val="0"/>
              </a:spcAft>
              <a:defRPr/>
            </a:pPr>
            <a:r>
              <a:rPr lang="nb-NO">
                <a:solidFill>
                  <a:srgbClr val="00007D"/>
                </a:solidFill>
              </a:rPr>
              <a:t>NfN - NORSK NETTVERK FOR NÆRINGSEIENDOM</a:t>
            </a:r>
            <a:r>
              <a:rPr lang="nb-NO" b="0">
                <a:solidFill>
                  <a:srgbClr val="A8FFC8"/>
                </a:solidFill>
              </a:rPr>
              <a:t> </a:t>
            </a:r>
            <a:r>
              <a:rPr lang="nb-NO">
                <a:solidFill>
                  <a:srgbClr val="00007D"/>
                </a:solidFill>
              </a:rPr>
              <a:t>Norwegian </a:t>
            </a:r>
            <a:r>
              <a:rPr lang="nb-NO" err="1">
                <a:solidFill>
                  <a:srgbClr val="00007D"/>
                </a:solidFill>
              </a:rPr>
              <a:t>Facility</a:t>
            </a:r>
            <a:r>
              <a:rPr lang="nb-NO">
                <a:solidFill>
                  <a:srgbClr val="00007D"/>
                </a:solidFill>
              </a:rPr>
              <a:t> Management Network</a:t>
            </a:r>
          </a:p>
        </p:txBody>
      </p:sp>
      <p:sp>
        <p:nvSpPr>
          <p:cNvPr id="6" name="Slide Number Placeholder 5">
            <a:extLst>
              <a:ext uri="{FF2B5EF4-FFF2-40B4-BE49-F238E27FC236}">
                <a16:creationId xmlns:a16="http://schemas.microsoft.com/office/drawing/2014/main" id="{6DDAD1A7-3764-B636-E5E2-E2B9ED7A07F6}"/>
              </a:ext>
            </a:extLst>
          </p:cNvPr>
          <p:cNvSpPr>
            <a:spLocks noGrp="1"/>
          </p:cNvSpPr>
          <p:nvPr>
            <p:ph type="sldNum" sz="quarter" idx="11"/>
          </p:nvPr>
        </p:nvSpPr>
        <p:spPr/>
        <p:txBody>
          <a:bodyPr/>
          <a:lstStyle/>
          <a:p>
            <a:pPr fontAlgn="base">
              <a:spcBef>
                <a:spcPct val="0"/>
              </a:spcBef>
              <a:spcAft>
                <a:spcPct val="0"/>
              </a:spcAft>
              <a:defRPr/>
            </a:pPr>
            <a:fld id="{F0BA6984-9ACB-4E76-B1C8-DF4CEFE456E6}" type="slidenum">
              <a:rPr lang="nb-NO">
                <a:solidFill>
                  <a:srgbClr val="A8FFC8"/>
                </a:solidFill>
              </a:rPr>
              <a:pPr fontAlgn="base">
                <a:spcBef>
                  <a:spcPct val="0"/>
                </a:spcBef>
                <a:spcAft>
                  <a:spcPct val="0"/>
                </a:spcAft>
                <a:defRPr/>
              </a:pPr>
              <a:t>11</a:t>
            </a:fld>
            <a:endParaRPr lang="nb-NO">
              <a:solidFill>
                <a:srgbClr val="A8FFC8"/>
              </a:solidFill>
            </a:endParaRPr>
          </a:p>
        </p:txBody>
      </p:sp>
    </p:spTree>
    <p:extLst>
      <p:ext uri="{BB962C8B-B14F-4D97-AF65-F5344CB8AC3E}">
        <p14:creationId xmlns:p14="http://schemas.microsoft.com/office/powerpoint/2010/main" val="398318024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F336DA-FB95-F49F-8AC6-C40354987D69}"/>
              </a:ext>
            </a:extLst>
          </p:cNvPr>
          <p:cNvSpPr>
            <a:spLocks noGrp="1"/>
          </p:cNvSpPr>
          <p:nvPr>
            <p:ph type="title"/>
          </p:nvPr>
        </p:nvSpPr>
        <p:spPr/>
        <p:txBody>
          <a:bodyPr/>
          <a:lstStyle/>
          <a:p>
            <a:r>
              <a:rPr lang="nb-NO" noProof="0"/>
              <a:t>Vedlegg</a:t>
            </a:r>
          </a:p>
        </p:txBody>
      </p:sp>
      <p:sp>
        <p:nvSpPr>
          <p:cNvPr id="3" name="Text Placeholder 2">
            <a:extLst>
              <a:ext uri="{FF2B5EF4-FFF2-40B4-BE49-F238E27FC236}">
                <a16:creationId xmlns:a16="http://schemas.microsoft.com/office/drawing/2014/main" id="{5C59B820-CA2C-0D40-96AD-F6E7FC4AE7BF}"/>
              </a:ext>
            </a:extLst>
          </p:cNvPr>
          <p:cNvSpPr>
            <a:spLocks noGrp="1"/>
          </p:cNvSpPr>
          <p:nvPr>
            <p:ph type="body" idx="1"/>
          </p:nvPr>
        </p:nvSpPr>
        <p:spPr/>
        <p:txBody>
          <a:bodyPr/>
          <a:lstStyle/>
          <a:p>
            <a:r>
              <a:rPr lang="nb-NO" noProof="0"/>
              <a:t>Medlemsaktiviteter fordelt på nettverk</a:t>
            </a:r>
          </a:p>
        </p:txBody>
      </p:sp>
      <p:sp>
        <p:nvSpPr>
          <p:cNvPr id="4" name="Footer Placeholder 3">
            <a:extLst>
              <a:ext uri="{FF2B5EF4-FFF2-40B4-BE49-F238E27FC236}">
                <a16:creationId xmlns:a16="http://schemas.microsoft.com/office/drawing/2014/main" id="{55D8A93A-ED70-6EF5-F5E3-0E051BD895E7}"/>
              </a:ext>
            </a:extLst>
          </p:cNvPr>
          <p:cNvSpPr>
            <a:spLocks noGrp="1"/>
          </p:cNvSpPr>
          <p:nvPr>
            <p:ph type="ftr" sz="quarter" idx="10"/>
          </p:nvPr>
        </p:nvSpPr>
        <p:spPr/>
        <p:txBody>
          <a:bodyPr/>
          <a:lstStyle/>
          <a:p>
            <a:pPr fontAlgn="base">
              <a:spcBef>
                <a:spcPct val="0"/>
              </a:spcBef>
              <a:spcAft>
                <a:spcPct val="0"/>
              </a:spcAft>
              <a:defRPr/>
            </a:pPr>
            <a:r>
              <a:rPr lang="nb-NO" dirty="0" err="1">
                <a:solidFill>
                  <a:srgbClr val="00007D"/>
                </a:solidFill>
              </a:rPr>
              <a:t>NfN</a:t>
            </a:r>
            <a:r>
              <a:rPr lang="nb-NO" dirty="0">
                <a:solidFill>
                  <a:srgbClr val="00007D"/>
                </a:solidFill>
              </a:rPr>
              <a:t> - NORSK NETTVERK FOR NÆRINGSEIENDOM</a:t>
            </a:r>
            <a:r>
              <a:rPr lang="nb-NO" b="0" dirty="0">
                <a:solidFill>
                  <a:srgbClr val="A8FFC8"/>
                </a:solidFill>
              </a:rPr>
              <a:t> </a:t>
            </a:r>
          </a:p>
          <a:p>
            <a:pPr fontAlgn="base">
              <a:spcBef>
                <a:spcPct val="0"/>
              </a:spcBef>
              <a:spcAft>
                <a:spcPct val="0"/>
              </a:spcAft>
              <a:defRPr/>
            </a:pPr>
            <a:r>
              <a:rPr lang="nb-NO" dirty="0">
                <a:solidFill>
                  <a:srgbClr val="00007D"/>
                </a:solidFill>
              </a:rPr>
              <a:t>Norwegian </a:t>
            </a:r>
            <a:r>
              <a:rPr lang="nb-NO" dirty="0" err="1">
                <a:solidFill>
                  <a:srgbClr val="00007D"/>
                </a:solidFill>
              </a:rPr>
              <a:t>Facility</a:t>
            </a:r>
            <a:r>
              <a:rPr lang="nb-NO" dirty="0">
                <a:solidFill>
                  <a:srgbClr val="00007D"/>
                </a:solidFill>
              </a:rPr>
              <a:t> Management Network</a:t>
            </a:r>
          </a:p>
        </p:txBody>
      </p:sp>
      <p:sp>
        <p:nvSpPr>
          <p:cNvPr id="5" name="Slide Number Placeholder 4">
            <a:extLst>
              <a:ext uri="{FF2B5EF4-FFF2-40B4-BE49-F238E27FC236}">
                <a16:creationId xmlns:a16="http://schemas.microsoft.com/office/drawing/2014/main" id="{859F4370-64ED-4B18-C954-331C856A4473}"/>
              </a:ext>
            </a:extLst>
          </p:cNvPr>
          <p:cNvSpPr>
            <a:spLocks noGrp="1"/>
          </p:cNvSpPr>
          <p:nvPr>
            <p:ph type="sldNum" sz="quarter" idx="11"/>
          </p:nvPr>
        </p:nvSpPr>
        <p:spPr/>
        <p:txBody>
          <a:bodyPr/>
          <a:lstStyle/>
          <a:p>
            <a:pPr fontAlgn="base">
              <a:spcBef>
                <a:spcPct val="0"/>
              </a:spcBef>
              <a:spcAft>
                <a:spcPct val="0"/>
              </a:spcAft>
              <a:defRPr/>
            </a:pPr>
            <a:fld id="{B40BA32D-BE36-4C25-B6DC-AF44B9363262}" type="slidenum">
              <a:rPr lang="nb-NO">
                <a:solidFill>
                  <a:srgbClr val="A8FFC8"/>
                </a:solidFill>
              </a:rPr>
              <a:pPr fontAlgn="base">
                <a:spcBef>
                  <a:spcPct val="0"/>
                </a:spcBef>
                <a:spcAft>
                  <a:spcPct val="0"/>
                </a:spcAft>
                <a:defRPr/>
              </a:pPr>
              <a:t>12</a:t>
            </a:fld>
            <a:endParaRPr lang="nb-NO">
              <a:solidFill>
                <a:srgbClr val="A8FFC8"/>
              </a:solidFill>
            </a:endParaRPr>
          </a:p>
        </p:txBody>
      </p:sp>
    </p:spTree>
    <p:extLst>
      <p:ext uri="{BB962C8B-B14F-4D97-AF65-F5344CB8AC3E}">
        <p14:creationId xmlns:p14="http://schemas.microsoft.com/office/powerpoint/2010/main" val="15477927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0687A82-99DD-116B-2DF4-2656A65FBE31}"/>
              </a:ext>
            </a:extLst>
          </p:cNvPr>
          <p:cNvSpPr>
            <a:spLocks noGrp="1"/>
          </p:cNvSpPr>
          <p:nvPr>
            <p:ph type="title"/>
          </p:nvPr>
        </p:nvSpPr>
        <p:spPr>
          <a:xfrm>
            <a:off x="1981200" y="1099592"/>
            <a:ext cx="8229600" cy="457200"/>
          </a:xfrm>
        </p:spPr>
        <p:txBody>
          <a:bodyPr/>
          <a:lstStyle/>
          <a:p>
            <a:r>
              <a:rPr lang="nb-NO" sz="2400" b="1"/>
              <a:t>NfN nettverket for </a:t>
            </a:r>
            <a:r>
              <a:rPr lang="nb-NO" sz="2400" b="1" err="1"/>
              <a:t>Workplace</a:t>
            </a:r>
            <a:r>
              <a:rPr lang="nb-NO" sz="2400" b="1"/>
              <a:t> Management</a:t>
            </a:r>
          </a:p>
        </p:txBody>
      </p:sp>
      <p:graphicFrame>
        <p:nvGraphicFramePr>
          <p:cNvPr id="6" name="Content Placeholder 5">
            <a:extLst>
              <a:ext uri="{FF2B5EF4-FFF2-40B4-BE49-F238E27FC236}">
                <a16:creationId xmlns:a16="http://schemas.microsoft.com/office/drawing/2014/main" id="{D11FE1BF-D6D0-42C5-4262-B98A3E9B724D}"/>
              </a:ext>
            </a:extLst>
          </p:cNvPr>
          <p:cNvGraphicFramePr>
            <a:graphicFrameLocks noGrp="1"/>
          </p:cNvGraphicFramePr>
          <p:nvPr>
            <p:ph idx="1"/>
          </p:nvPr>
        </p:nvGraphicFramePr>
        <p:xfrm>
          <a:off x="1847529" y="1556792"/>
          <a:ext cx="7987951" cy="5005906"/>
        </p:xfrm>
        <a:graphic>
          <a:graphicData uri="http://schemas.openxmlformats.org/drawingml/2006/table">
            <a:tbl>
              <a:tblPr firstRow="1" bandRow="1">
                <a:tableStyleId>{21E4AEA4-8DFA-4A89-87EB-49C32662AFE0}</a:tableStyleId>
              </a:tblPr>
              <a:tblGrid>
                <a:gridCol w="571128">
                  <a:extLst>
                    <a:ext uri="{9D8B030D-6E8A-4147-A177-3AD203B41FA5}">
                      <a16:colId xmlns:a16="http://schemas.microsoft.com/office/drawing/2014/main" val="115727247"/>
                    </a:ext>
                  </a:extLst>
                </a:gridCol>
                <a:gridCol w="3600400">
                  <a:extLst>
                    <a:ext uri="{9D8B030D-6E8A-4147-A177-3AD203B41FA5}">
                      <a16:colId xmlns:a16="http://schemas.microsoft.com/office/drawing/2014/main" val="2896210780"/>
                    </a:ext>
                  </a:extLst>
                </a:gridCol>
                <a:gridCol w="1944216">
                  <a:extLst>
                    <a:ext uri="{9D8B030D-6E8A-4147-A177-3AD203B41FA5}">
                      <a16:colId xmlns:a16="http://schemas.microsoft.com/office/drawing/2014/main" val="4041463873"/>
                    </a:ext>
                  </a:extLst>
                </a:gridCol>
                <a:gridCol w="936104">
                  <a:extLst>
                    <a:ext uri="{9D8B030D-6E8A-4147-A177-3AD203B41FA5}">
                      <a16:colId xmlns:a16="http://schemas.microsoft.com/office/drawing/2014/main" val="3331224947"/>
                    </a:ext>
                  </a:extLst>
                </a:gridCol>
                <a:gridCol w="936103">
                  <a:extLst>
                    <a:ext uri="{9D8B030D-6E8A-4147-A177-3AD203B41FA5}">
                      <a16:colId xmlns:a16="http://schemas.microsoft.com/office/drawing/2014/main" val="2479964604"/>
                    </a:ext>
                  </a:extLst>
                </a:gridCol>
              </a:tblGrid>
              <a:tr h="298564">
                <a:tc>
                  <a:txBody>
                    <a:bodyPr/>
                    <a:lstStyle/>
                    <a:p>
                      <a:r>
                        <a:rPr lang="nb-NO" sz="1200" b="1" i="0" kern="1200" noProof="0">
                          <a:solidFill>
                            <a:schemeClr val="tx1"/>
                          </a:solidFill>
                          <a:effectLst/>
                          <a:latin typeface="+mn-lt"/>
                          <a:cs typeface="Times New Roman" panose="02020603050405020304" pitchFamily="18" charset="0"/>
                        </a:rPr>
                        <a:t>Dato</a:t>
                      </a:r>
                    </a:p>
                  </a:txBody>
                  <a:tcPr/>
                </a:tc>
                <a:tc>
                  <a:txBody>
                    <a:bodyPr/>
                    <a:lstStyle/>
                    <a:p>
                      <a:r>
                        <a:rPr lang="nb-NO" sz="1200" b="1" i="0" kern="1200" noProof="0">
                          <a:solidFill>
                            <a:schemeClr val="tx1"/>
                          </a:solidFill>
                          <a:effectLst/>
                          <a:latin typeface="+mn-lt"/>
                          <a:cs typeface="Times New Roman" panose="02020603050405020304" pitchFamily="18" charset="0"/>
                        </a:rPr>
                        <a:t>Tema</a:t>
                      </a:r>
                    </a:p>
                  </a:txBody>
                  <a:tcPr/>
                </a:tc>
                <a:tc>
                  <a:txBody>
                    <a:bodyPr/>
                    <a:lstStyle/>
                    <a:p>
                      <a:r>
                        <a:rPr lang="nb-NO" sz="1200" b="1" i="0" kern="1200" noProof="0">
                          <a:solidFill>
                            <a:schemeClr val="tx1"/>
                          </a:solidFill>
                          <a:effectLst/>
                          <a:latin typeface="+mn-lt"/>
                          <a:cs typeface="Times New Roman" panose="02020603050405020304" pitchFamily="18" charset="0"/>
                        </a:rPr>
                        <a:t>Bidragsytere</a:t>
                      </a:r>
                    </a:p>
                  </a:txBody>
                  <a:tcPr/>
                </a:tc>
                <a:tc>
                  <a:txBody>
                    <a:bodyPr/>
                    <a:lstStyle/>
                    <a:p>
                      <a:r>
                        <a:rPr lang="nb-NO" sz="1200" b="1" i="0" kern="1200" noProof="0">
                          <a:solidFill>
                            <a:schemeClr val="tx1"/>
                          </a:solidFill>
                          <a:effectLst/>
                          <a:latin typeface="+mn-lt"/>
                          <a:cs typeface="Times New Roman" panose="02020603050405020304" pitchFamily="18" charset="0"/>
                        </a:rPr>
                        <a:t>Møteform </a:t>
                      </a:r>
                    </a:p>
                  </a:txBody>
                  <a:tcPr/>
                </a:tc>
                <a:tc>
                  <a:txBody>
                    <a:bodyPr/>
                    <a:lstStyle/>
                    <a:p>
                      <a:r>
                        <a:rPr lang="nb-NO" sz="1200" b="1" i="0" kern="1200" noProof="0">
                          <a:solidFill>
                            <a:schemeClr val="tx1"/>
                          </a:solidFill>
                          <a:effectLst/>
                          <a:latin typeface="+mn-lt"/>
                          <a:cs typeface="Times New Roman" panose="02020603050405020304" pitchFamily="18" charset="0"/>
                        </a:rPr>
                        <a:t>Deltakere </a:t>
                      </a:r>
                    </a:p>
                  </a:txBody>
                  <a:tcPr/>
                </a:tc>
                <a:extLst>
                  <a:ext uri="{0D108BD9-81ED-4DB2-BD59-A6C34878D82A}">
                    <a16:rowId xmlns:a16="http://schemas.microsoft.com/office/drawing/2014/main" val="79887822"/>
                  </a:ext>
                </a:extLst>
              </a:tr>
              <a:tr h="30172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solidFill>
                            <a:schemeClr val="tx1"/>
                          </a:solidFill>
                          <a:effectLst/>
                          <a:latin typeface="+mn-lt"/>
                          <a:ea typeface="Aptos" panose="020B0004020202020204" pitchFamily="34" charset="0"/>
                          <a:cs typeface="Times New Roman" panose="02020603050405020304" pitchFamily="18" charset="0"/>
                        </a:rPr>
                        <a:t>17.03</a:t>
                      </a:r>
                      <a:endParaRPr lang="nb-NO" sz="1200" b="0" i="0" noProof="0">
                        <a:solidFill>
                          <a:schemeClr val="tx1"/>
                        </a:solidFill>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solidFill>
                            <a:schemeClr val="tx1"/>
                          </a:solidFill>
                          <a:effectLst/>
                          <a:latin typeface="+mn-lt"/>
                          <a:ea typeface="Aptos" panose="020B0004020202020204" pitchFamily="34" charset="0"/>
                          <a:cs typeface="Times New Roman" panose="02020603050405020304" pitchFamily="18" charset="0"/>
                        </a:rPr>
                        <a:t>Hvordan kan din organisasjon få et fortrinn i et stadig mer dynamisk arbeidsliv og konkurransepreget arbeidsmarked?</a:t>
                      </a:r>
                    </a:p>
                  </a:txBody>
                  <a:tcPr/>
                </a:tc>
                <a:tc>
                  <a:txBody>
                    <a:bodyPr/>
                    <a:lstStyle/>
                    <a:p>
                      <a:r>
                        <a:rPr lang="nb-NO" sz="1200" i="0" noProof="0">
                          <a:latin typeface="+mn-lt"/>
                        </a:rPr>
                        <a:t>EY</a:t>
                      </a:r>
                      <a:endParaRPr lang="nb-NO" sz="1200" b="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solidFill>
                            <a:schemeClr val="tx1"/>
                          </a:solidFill>
                          <a:latin typeface="+mn-lt"/>
                        </a:rPr>
                        <a:t>Fysisk</a:t>
                      </a:r>
                      <a:endParaRPr lang="nb-NO" sz="1200" b="0" i="0" noProof="0">
                        <a:latin typeface="+mn-lt"/>
                      </a:endParaRPr>
                    </a:p>
                  </a:txBody>
                  <a:tcPr/>
                </a:tc>
                <a:tc>
                  <a:txBody>
                    <a:bodyPr/>
                    <a:lstStyle/>
                    <a:p>
                      <a:r>
                        <a:rPr lang="nb-NO" sz="1200" b="0" i="0" noProof="0">
                          <a:latin typeface="+mn-lt"/>
                        </a:rPr>
                        <a:t>33</a:t>
                      </a:r>
                    </a:p>
                  </a:txBody>
                  <a:tcPr/>
                </a:tc>
                <a:extLst>
                  <a:ext uri="{0D108BD9-81ED-4DB2-BD59-A6C34878D82A}">
                    <a16:rowId xmlns:a16="http://schemas.microsoft.com/office/drawing/2014/main" val="4148506752"/>
                  </a:ext>
                </a:extLst>
              </a:tr>
              <a:tr h="43204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effectLst/>
                          <a:latin typeface="+mn-lt"/>
                          <a:ea typeface="Aptos" panose="020B0004020202020204" pitchFamily="34" charset="0"/>
                          <a:cs typeface="Times New Roman" panose="02020603050405020304" pitchFamily="18" charset="0"/>
                        </a:rPr>
                        <a:t>26.03</a:t>
                      </a:r>
                      <a:endParaRPr lang="nb-NO" sz="1200" b="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effectLst/>
                          <a:latin typeface="+mn-lt"/>
                          <a:ea typeface="Aptos" panose="020B0004020202020204" pitchFamily="34" charset="0"/>
                          <a:cs typeface="Times New Roman" panose="02020603050405020304" pitchFamily="18" charset="0"/>
                        </a:rPr>
                        <a:t>Hvordan ser fremtidens kontorbygg ut?</a:t>
                      </a:r>
                    </a:p>
                  </a:txBody>
                  <a:tcPr/>
                </a:tc>
                <a:tc>
                  <a:txBody>
                    <a:bodyPr/>
                    <a:lstStyle/>
                    <a:p>
                      <a:r>
                        <a:rPr lang="nb-NO" sz="1200" i="0" noProof="0">
                          <a:effectLst/>
                          <a:latin typeface="+mn-lt"/>
                          <a:cs typeface="Times New Roman" panose="02020603050405020304" pitchFamily="18" charset="0"/>
                        </a:rPr>
                        <a:t>SWECO</a:t>
                      </a:r>
                      <a:endParaRPr lang="nb-NO" sz="1200" i="0" noProof="0">
                        <a:latin typeface="+mn-lt"/>
                      </a:endParaRPr>
                    </a:p>
                  </a:txBody>
                  <a:tcPr/>
                </a:tc>
                <a:tc>
                  <a:txBody>
                    <a:bodyPr/>
                    <a:lstStyle/>
                    <a:p>
                      <a:r>
                        <a:rPr lang="nb-NO" sz="1200" i="0" noProof="0">
                          <a:effectLst/>
                          <a:latin typeface="+mn-lt"/>
                          <a:cs typeface="Times New Roman" panose="02020603050405020304" pitchFamily="18" charset="0"/>
                        </a:rPr>
                        <a:t>Fysisk</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latin typeface="+mn-lt"/>
                        </a:rPr>
                        <a:t>50</a:t>
                      </a:r>
                      <a:endParaRPr lang="nb-NO" sz="1200" i="0" noProof="0">
                        <a:latin typeface="+mn-lt"/>
                      </a:endParaRPr>
                    </a:p>
                  </a:txBody>
                  <a:tcPr/>
                </a:tc>
                <a:extLst>
                  <a:ext uri="{0D108BD9-81ED-4DB2-BD59-A6C34878D82A}">
                    <a16:rowId xmlns:a16="http://schemas.microsoft.com/office/drawing/2014/main" val="266710608"/>
                  </a:ext>
                </a:extLst>
              </a:tr>
              <a:tr h="166648">
                <a:tc>
                  <a:txBody>
                    <a:bodyPr/>
                    <a:lstStyle/>
                    <a:p>
                      <a:r>
                        <a:rPr lang="nb-NO" sz="1200" i="0" noProof="0">
                          <a:effectLst/>
                          <a:latin typeface="+mn-lt"/>
                          <a:cs typeface="Times New Roman" panose="02020603050405020304" pitchFamily="18" charset="0"/>
                        </a:rPr>
                        <a:t>05.06</a:t>
                      </a:r>
                      <a:endParaRPr lang="nb-NO" sz="1200" i="0" noProof="0">
                        <a:latin typeface="+mn-lt"/>
                      </a:endParaRPr>
                    </a:p>
                  </a:txBody>
                  <a:tcPr/>
                </a:tc>
                <a:tc>
                  <a:txBody>
                    <a:bodyPr/>
                    <a:lstStyle/>
                    <a:p>
                      <a:r>
                        <a:rPr lang="nb-NO" sz="1200" b="1" i="0" noProof="0">
                          <a:latin typeface="+mn-lt"/>
                        </a:rPr>
                        <a:t>Hvordan bruke KI trygt og godt I planleggingen av fremtidens arbeidsplass?</a:t>
                      </a:r>
                    </a:p>
                  </a:txBody>
                  <a:tcPr/>
                </a:tc>
                <a:tc>
                  <a:txBody>
                    <a:bodyPr/>
                    <a:lstStyle/>
                    <a:p>
                      <a:r>
                        <a:rPr lang="nb-NO" sz="1200" i="0" noProof="0">
                          <a:latin typeface="+mn-lt"/>
                        </a:rPr>
                        <a:t>Multiconsult, DNB, </a:t>
                      </a:r>
                      <a:r>
                        <a:rPr lang="nb-NO" sz="1200" i="0" noProof="0" err="1">
                          <a:latin typeface="+mn-lt"/>
                        </a:rPr>
                        <a:t>Cloudway</a:t>
                      </a:r>
                      <a:r>
                        <a:rPr lang="nb-NO" sz="1200" i="0" noProof="0">
                          <a:latin typeface="+mn-lt"/>
                        </a:rPr>
                        <a:t>, Empire AI</a:t>
                      </a:r>
                    </a:p>
                  </a:txBody>
                  <a:tcPr/>
                </a:tc>
                <a:tc>
                  <a:txBody>
                    <a:bodyPr/>
                    <a:lstStyle/>
                    <a:p>
                      <a:r>
                        <a:rPr lang="nb-NO" sz="1200" i="0" noProof="0">
                          <a:latin typeface="+mn-lt"/>
                        </a:rPr>
                        <a:t>Fysisk </a:t>
                      </a:r>
                    </a:p>
                  </a:txBody>
                  <a:tcPr/>
                </a:tc>
                <a:tc>
                  <a:txBody>
                    <a:bodyPr/>
                    <a:lstStyle/>
                    <a:p>
                      <a:r>
                        <a:rPr lang="nb-NO" sz="1200" i="0" noProof="0">
                          <a:latin typeface="+mn-lt"/>
                        </a:rPr>
                        <a:t>43</a:t>
                      </a:r>
                    </a:p>
                  </a:txBody>
                  <a:tcPr/>
                </a:tc>
                <a:extLst>
                  <a:ext uri="{0D108BD9-81ED-4DB2-BD59-A6C34878D82A}">
                    <a16:rowId xmlns:a16="http://schemas.microsoft.com/office/drawing/2014/main" val="2181493237"/>
                  </a:ext>
                </a:extLst>
              </a:tr>
              <a:tr h="434814">
                <a:tc>
                  <a:txBody>
                    <a:bodyPr/>
                    <a:lstStyle/>
                    <a:p>
                      <a:r>
                        <a:rPr lang="nb-NO" sz="1200" i="0" noProof="0">
                          <a:latin typeface="+mn-lt"/>
                        </a:rPr>
                        <a:t>23.09</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effectLst/>
                          <a:latin typeface="+mn-lt"/>
                          <a:ea typeface="Aptos" panose="020B0004020202020204" pitchFamily="34" charset="0"/>
                          <a:cs typeface="Times New Roman" panose="02020603050405020304" pitchFamily="18" charset="0"/>
                        </a:rPr>
                        <a:t>Kunsten å lykkes med hybride arbeidsplasser</a:t>
                      </a:r>
                    </a:p>
                  </a:txBody>
                  <a:tcPr/>
                </a:tc>
                <a:tc>
                  <a:txBody>
                    <a:bodyPr/>
                    <a:lstStyle/>
                    <a:p>
                      <a:r>
                        <a:rPr lang="nb-NO" sz="1200" i="0" noProof="0">
                          <a:solidFill>
                            <a:schemeClr val="tx1"/>
                          </a:solidFill>
                          <a:latin typeface="+mn-lt"/>
                        </a:rPr>
                        <a:t>Jan Kristian Karlsen</a:t>
                      </a:r>
                    </a:p>
                  </a:txBody>
                  <a:tcPr/>
                </a:tc>
                <a:tc>
                  <a:txBody>
                    <a:bodyPr/>
                    <a:lstStyle/>
                    <a:p>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effectLst/>
                          <a:latin typeface="+mn-lt"/>
                          <a:ea typeface="Aptos" panose="020B0004020202020204" pitchFamily="34" charset="0"/>
                          <a:cs typeface="Times New Roman" panose="02020603050405020304" pitchFamily="18" charset="0"/>
                        </a:rPr>
                        <a:t>33</a:t>
                      </a:r>
                      <a:endParaRPr lang="nb-NO" sz="1200" i="0" noProof="0">
                        <a:latin typeface="+mn-lt"/>
                      </a:endParaRPr>
                    </a:p>
                  </a:txBody>
                  <a:tcPr/>
                </a:tc>
                <a:extLst>
                  <a:ext uri="{0D108BD9-81ED-4DB2-BD59-A6C34878D82A}">
                    <a16:rowId xmlns:a16="http://schemas.microsoft.com/office/drawing/2014/main" val="3735179468"/>
                  </a:ext>
                </a:extLst>
              </a:tr>
              <a:tr h="223002">
                <a:tc>
                  <a:txBody>
                    <a:bodyPr/>
                    <a:lstStyle/>
                    <a:p>
                      <a:r>
                        <a:rPr lang="nb-NO" sz="1200" i="0" noProof="0">
                          <a:latin typeface="+mn-lt"/>
                        </a:rPr>
                        <a:t>13.11</a:t>
                      </a:r>
                    </a:p>
                  </a:txBody>
                  <a:tcPr/>
                </a:tc>
                <a:tc>
                  <a:txBody>
                    <a:bodyPr/>
                    <a:lstStyle/>
                    <a:p>
                      <a:r>
                        <a:rPr lang="nb-NO" sz="1200" b="1" i="0" noProof="0">
                          <a:effectLst/>
                          <a:latin typeface="+mn-lt"/>
                          <a:ea typeface="Aptos" panose="020B0004020202020204" pitchFamily="34" charset="0"/>
                          <a:cs typeface="Times New Roman" panose="02020603050405020304" pitchFamily="18" charset="0"/>
                        </a:rPr>
                        <a:t>De strategiske vurderingene i starten av en flytteprosess, og visjonen for fremtidens kontor</a:t>
                      </a:r>
                    </a:p>
                    <a:p>
                      <a:r>
                        <a:rPr lang="nb-NO" sz="1200" b="0" i="0" noProof="0">
                          <a:effectLst/>
                          <a:latin typeface="+mn-lt"/>
                          <a:ea typeface="Aptos" panose="020B0004020202020204" pitchFamily="34" charset="0"/>
                          <a:cs typeface="Times New Roman" panose="02020603050405020304" pitchFamily="18" charset="0"/>
                        </a:rPr>
                        <a:t>Hjelp vi skal flytte, møteserie</a:t>
                      </a:r>
                    </a:p>
                  </a:txBody>
                  <a:tcPr/>
                </a:tc>
                <a:tc>
                  <a:txBody>
                    <a:bodyPr/>
                    <a:lstStyle/>
                    <a:p>
                      <a:r>
                        <a:rPr lang="nb-NO" sz="1200" i="0" noProof="0" err="1">
                          <a:latin typeface="+mn-lt"/>
                        </a:rPr>
                        <a:t>Malling</a:t>
                      </a:r>
                      <a:endParaRPr lang="nb-NO" sz="1200" i="0" noProof="0">
                        <a:latin typeface="+mn-lt"/>
                      </a:endParaRPr>
                    </a:p>
                  </a:txBody>
                  <a:tcPr/>
                </a:tc>
                <a:tc>
                  <a:txBody>
                    <a:bodyPr/>
                    <a:lstStyle/>
                    <a:p>
                      <a:r>
                        <a:rPr lang="nb-NO" sz="1200" i="0" noProof="0">
                          <a:latin typeface="+mn-lt"/>
                        </a:rPr>
                        <a:t>Digital</a:t>
                      </a:r>
                    </a:p>
                  </a:txBody>
                  <a:tcPr/>
                </a:tc>
                <a:tc>
                  <a:txBody>
                    <a:bodyPr/>
                    <a:lstStyle/>
                    <a:p>
                      <a:r>
                        <a:rPr lang="nb-NO" sz="1200" i="0" noProof="0">
                          <a:latin typeface="+mn-lt"/>
                        </a:rPr>
                        <a:t>62</a:t>
                      </a:r>
                    </a:p>
                  </a:txBody>
                  <a:tcPr/>
                </a:tc>
                <a:extLst>
                  <a:ext uri="{0D108BD9-81ED-4DB2-BD59-A6C34878D82A}">
                    <a16:rowId xmlns:a16="http://schemas.microsoft.com/office/drawing/2014/main" val="3529305810"/>
                  </a:ext>
                </a:extLst>
              </a:tr>
              <a:tr h="324095">
                <a:tc>
                  <a:txBody>
                    <a:bodyPr/>
                    <a:lstStyle/>
                    <a:p>
                      <a:r>
                        <a:rPr lang="nb-NO" sz="1200" i="0" noProof="0">
                          <a:effectLst/>
                          <a:latin typeface="+mn-lt"/>
                          <a:ea typeface="Aptos" panose="020B0004020202020204" pitchFamily="34" charset="0"/>
                          <a:cs typeface="Times New Roman" panose="02020603050405020304" pitchFamily="18" charset="0"/>
                        </a:rPr>
                        <a:t>20.11</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effectLst/>
                          <a:latin typeface="+mn-lt"/>
                          <a:ea typeface="Aptos" panose="020B0004020202020204" pitchFamily="34" charset="0"/>
                          <a:cs typeface="Times New Roman" panose="02020603050405020304" pitchFamily="18" charset="0"/>
                        </a:rPr>
                        <a:t>Datafangst, eierskap og innsikt I data som nøkkelen til smarte flyttebeslutninger</a:t>
                      </a:r>
                    </a:p>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effectLst/>
                          <a:latin typeface="+mn-lt"/>
                          <a:ea typeface="Aptos" panose="020B0004020202020204" pitchFamily="34" charset="0"/>
                          <a:cs typeface="Times New Roman" panose="02020603050405020304" pitchFamily="18" charset="0"/>
                        </a:rPr>
                        <a:t>Hjelp vi skal flytte, møteseri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err="1">
                          <a:latin typeface="+mn-lt"/>
                        </a:rPr>
                        <a:t>Malling</a:t>
                      </a:r>
                      <a:endParaRPr lang="nb-NO" sz="1200" i="0" noProof="0">
                        <a:latin typeface="+mn-lt"/>
                      </a:endParaRPr>
                    </a:p>
                  </a:txBody>
                  <a:tcPr/>
                </a:tc>
                <a:tc>
                  <a:txBody>
                    <a:bodyPr/>
                    <a:lstStyle/>
                    <a:p>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effectLst/>
                          <a:latin typeface="+mn-lt"/>
                          <a:cs typeface="Times New Roman" panose="02020603050405020304" pitchFamily="18" charset="0"/>
                        </a:rPr>
                        <a:t>49</a:t>
                      </a:r>
                      <a:endParaRPr lang="nb-NO" sz="1200" i="0" noProof="0">
                        <a:latin typeface="+mn-lt"/>
                      </a:endParaRPr>
                    </a:p>
                  </a:txBody>
                  <a:tcPr/>
                </a:tc>
                <a:extLst>
                  <a:ext uri="{0D108BD9-81ED-4DB2-BD59-A6C34878D82A}">
                    <a16:rowId xmlns:a16="http://schemas.microsoft.com/office/drawing/2014/main" val="2525232691"/>
                  </a:ext>
                </a:extLst>
              </a:tr>
              <a:tr h="404777">
                <a:tc>
                  <a:txBody>
                    <a:bodyPr/>
                    <a:lstStyle/>
                    <a:p>
                      <a:r>
                        <a:rPr lang="nb-NO" sz="1200" i="0" noProof="0">
                          <a:effectLst/>
                          <a:latin typeface="+mn-lt"/>
                          <a:ea typeface="Aptos" panose="020B0004020202020204" pitchFamily="34" charset="0"/>
                          <a:cs typeface="Times New Roman" panose="02020603050405020304" pitchFamily="18" charset="0"/>
                        </a:rPr>
                        <a:t>04.12</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kern="1200" noProof="0">
                          <a:solidFill>
                            <a:schemeClr val="dk1"/>
                          </a:solidFill>
                          <a:effectLst/>
                          <a:latin typeface="+mn-lt"/>
                          <a:ea typeface="+mn-ea"/>
                          <a:cs typeface="+mn-cs"/>
                        </a:rPr>
                        <a:t>Beslutningsprosessen ved valg av nytt kontor og lokasjon</a:t>
                      </a:r>
                    </a:p>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effectLst/>
                          <a:latin typeface="+mn-lt"/>
                          <a:ea typeface="Aptos" panose="020B0004020202020204" pitchFamily="34" charset="0"/>
                          <a:cs typeface="Times New Roman" panose="02020603050405020304" pitchFamily="18" charset="0"/>
                        </a:rPr>
                        <a:t>Hjelp vi skal flytte, møteserie</a:t>
                      </a:r>
                    </a:p>
                  </a:txBody>
                  <a:tcPr/>
                </a:tc>
                <a:tc>
                  <a:txBody>
                    <a:bodyPr/>
                    <a:lstStyle/>
                    <a:p>
                      <a:r>
                        <a:rPr lang="nb-NO" sz="1200" i="0" noProof="0">
                          <a:effectLst/>
                          <a:latin typeface="+mn-lt"/>
                          <a:cs typeface="Times New Roman" panose="02020603050405020304" pitchFamily="18" charset="0"/>
                        </a:rPr>
                        <a:t>BDO</a:t>
                      </a:r>
                      <a:endParaRPr lang="nb-NO" sz="1200" i="0" noProof="0">
                        <a:latin typeface="+mn-lt"/>
                      </a:endParaRPr>
                    </a:p>
                  </a:txBody>
                  <a:tcPr/>
                </a:tc>
                <a:tc>
                  <a:txBody>
                    <a:bodyPr/>
                    <a:lstStyle/>
                    <a:p>
                      <a:r>
                        <a:rPr lang="nb-NO" sz="1200" i="0" noProof="0">
                          <a:effectLst/>
                          <a:latin typeface="+mn-lt"/>
                          <a:ea typeface="Aptos" panose="020B0004020202020204" pitchFamily="34" charset="0"/>
                          <a:cs typeface="Times New Roman" panose="02020603050405020304" pitchFamily="18" charset="0"/>
                        </a:rPr>
                        <a:t>Digital </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effectLst/>
                          <a:latin typeface="+mn-lt"/>
                          <a:cs typeface="Times New Roman" panose="02020603050405020304" pitchFamily="18" charset="0"/>
                        </a:rPr>
                        <a:t>25</a:t>
                      </a:r>
                      <a:endParaRPr lang="nb-NO" sz="1200" i="0" noProof="0">
                        <a:latin typeface="+mn-lt"/>
                      </a:endParaRPr>
                    </a:p>
                  </a:txBody>
                  <a:tcPr/>
                </a:tc>
                <a:extLst>
                  <a:ext uri="{0D108BD9-81ED-4DB2-BD59-A6C34878D82A}">
                    <a16:rowId xmlns:a16="http://schemas.microsoft.com/office/drawing/2014/main" val="4254045695"/>
                  </a:ext>
                </a:extLst>
              </a:tr>
              <a:tr h="384046">
                <a:tc>
                  <a:txBody>
                    <a:bodyPr/>
                    <a:lstStyle/>
                    <a:p>
                      <a:r>
                        <a:rPr lang="nb-NO" sz="1200" i="0" noProof="0">
                          <a:effectLst/>
                          <a:latin typeface="+mn-lt"/>
                          <a:ea typeface="Aptos" panose="020B0004020202020204" pitchFamily="34" charset="0"/>
                          <a:cs typeface="Times New Roman" panose="02020603050405020304" pitchFamily="18" charset="0"/>
                        </a:rPr>
                        <a:t>11.12</a:t>
                      </a:r>
                      <a:endParaRPr lang="nb-NO" sz="1200" i="0" noProof="0">
                        <a:latin typeface="+mn-lt"/>
                      </a:endParaRPr>
                    </a:p>
                  </a:txBody>
                  <a:tcPr/>
                </a:tc>
                <a:tc>
                  <a:txBody>
                    <a:bodyPr/>
                    <a:lstStyle/>
                    <a:p>
                      <a:r>
                        <a:rPr lang="nb-NO" sz="1200" b="1" i="0" noProof="0">
                          <a:effectLst/>
                          <a:latin typeface="+mn-lt"/>
                          <a:ea typeface="Aptos" panose="020B0004020202020204" pitchFamily="34" charset="0"/>
                          <a:cs typeface="Times New Roman" panose="02020603050405020304" pitchFamily="18" charset="0"/>
                        </a:rPr>
                        <a:t>Avvikling av dagens kontor og oppstart I nytt kontor</a:t>
                      </a:r>
                    </a:p>
                    <a:p>
                      <a:r>
                        <a:rPr lang="nb-NO" sz="1200" b="0" i="0" noProof="0">
                          <a:effectLst/>
                          <a:latin typeface="+mn-lt"/>
                          <a:ea typeface="Aptos" panose="020B0004020202020204" pitchFamily="34" charset="0"/>
                          <a:cs typeface="Times New Roman" panose="02020603050405020304" pitchFamily="18" charset="0"/>
                        </a:rPr>
                        <a:t>Hjelp vi skal flytte, møteseri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effectLst/>
                          <a:latin typeface="+mn-lt"/>
                          <a:cs typeface="Times New Roman" panose="02020603050405020304" pitchFamily="18" charset="0"/>
                        </a:rPr>
                        <a:t>KPMG</a:t>
                      </a:r>
                      <a:endParaRPr lang="nb-NO" sz="1200" i="0" noProof="0">
                        <a:latin typeface="+mn-lt"/>
                      </a:endParaRPr>
                    </a:p>
                  </a:txBody>
                  <a:tcPr/>
                </a:tc>
                <a:tc>
                  <a:txBody>
                    <a:bodyPr/>
                    <a:lstStyle/>
                    <a:p>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effectLst/>
                          <a:latin typeface="+mn-lt"/>
                          <a:ea typeface="Aptos" panose="020B0004020202020204" pitchFamily="34" charset="0"/>
                          <a:cs typeface="Times New Roman" panose="02020603050405020304" pitchFamily="18" charset="0"/>
                        </a:rPr>
                        <a:t>27</a:t>
                      </a:r>
                      <a:endParaRPr lang="nb-NO" sz="1200" i="0" noProof="0">
                        <a:latin typeface="+mn-lt"/>
                      </a:endParaRPr>
                    </a:p>
                  </a:txBody>
                  <a:tcPr/>
                </a:tc>
                <a:extLst>
                  <a:ext uri="{0D108BD9-81ED-4DB2-BD59-A6C34878D82A}">
                    <a16:rowId xmlns:a16="http://schemas.microsoft.com/office/drawing/2014/main" val="1560264873"/>
                  </a:ext>
                </a:extLst>
              </a:tr>
            </a:tbl>
          </a:graphicData>
        </a:graphic>
      </p:graphicFrame>
      <p:sp>
        <p:nvSpPr>
          <p:cNvPr id="5" name="Slide Number Placeholder 4">
            <a:extLst>
              <a:ext uri="{FF2B5EF4-FFF2-40B4-BE49-F238E27FC236}">
                <a16:creationId xmlns:a16="http://schemas.microsoft.com/office/drawing/2014/main" id="{D69C636F-E936-EFD2-7EA7-1E5C67367511}"/>
              </a:ext>
            </a:extLst>
          </p:cNvPr>
          <p:cNvSpPr>
            <a:spLocks noGrp="1"/>
          </p:cNvSpPr>
          <p:nvPr>
            <p:ph type="sldNum" sz="quarter" idx="11"/>
          </p:nvPr>
        </p:nvSpPr>
        <p:spPr/>
        <p:txBody>
          <a:bodyPr/>
          <a:lstStyle/>
          <a:p>
            <a:pPr fontAlgn="base">
              <a:spcBef>
                <a:spcPct val="0"/>
              </a:spcBef>
              <a:spcAft>
                <a:spcPct val="0"/>
              </a:spcAft>
              <a:defRPr/>
            </a:pPr>
            <a:fld id="{247B0619-9F6E-41AA-AAFB-FC9846E0271E}" type="slidenum">
              <a:rPr lang="nb-NO">
                <a:solidFill>
                  <a:srgbClr val="A8FFC8"/>
                </a:solidFill>
              </a:rPr>
              <a:pPr fontAlgn="base">
                <a:spcBef>
                  <a:spcPct val="0"/>
                </a:spcBef>
                <a:spcAft>
                  <a:spcPct val="0"/>
                </a:spcAft>
                <a:defRPr/>
              </a:pPr>
              <a:t>13</a:t>
            </a:fld>
            <a:endParaRPr lang="nb-NO">
              <a:solidFill>
                <a:srgbClr val="A8FFC8"/>
              </a:solidFill>
            </a:endParaRPr>
          </a:p>
        </p:txBody>
      </p:sp>
    </p:spTree>
    <p:extLst>
      <p:ext uri="{BB962C8B-B14F-4D97-AF65-F5344CB8AC3E}">
        <p14:creationId xmlns:p14="http://schemas.microsoft.com/office/powerpoint/2010/main" val="392162751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25E990-CBB9-F826-5514-A4B6D44ECCD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632B431-1582-25B0-3F62-E69281F1D853}"/>
              </a:ext>
            </a:extLst>
          </p:cNvPr>
          <p:cNvSpPr>
            <a:spLocks noGrp="1"/>
          </p:cNvSpPr>
          <p:nvPr>
            <p:ph type="title"/>
          </p:nvPr>
        </p:nvSpPr>
        <p:spPr>
          <a:xfrm>
            <a:off x="1981200" y="1412776"/>
            <a:ext cx="8229600" cy="288032"/>
          </a:xfrm>
        </p:spPr>
        <p:txBody>
          <a:bodyPr/>
          <a:lstStyle/>
          <a:p>
            <a:r>
              <a:rPr lang="nb-NO" sz="2400" b="1">
                <a:ea typeface="Aptos" panose="020B0004020202020204" pitchFamily="34" charset="0"/>
                <a:cs typeface="Times New Roman" panose="02020603050405020304" pitchFamily="18" charset="0"/>
              </a:rPr>
              <a:t>NfN nettverket for Renhold</a:t>
            </a:r>
            <a:br>
              <a:rPr lang="nb-NO" b="1">
                <a:latin typeface="Aptos" panose="020B0004020202020204" pitchFamily="34" charset="0"/>
                <a:ea typeface="Aptos" panose="020B0004020202020204" pitchFamily="34" charset="0"/>
                <a:cs typeface="Times New Roman" panose="02020603050405020304" pitchFamily="18" charset="0"/>
              </a:rPr>
            </a:br>
            <a:endParaRPr lang="nb-NO" noProof="0"/>
          </a:p>
        </p:txBody>
      </p:sp>
      <p:sp>
        <p:nvSpPr>
          <p:cNvPr id="5" name="Slide Number Placeholder 4">
            <a:extLst>
              <a:ext uri="{FF2B5EF4-FFF2-40B4-BE49-F238E27FC236}">
                <a16:creationId xmlns:a16="http://schemas.microsoft.com/office/drawing/2014/main" id="{E089ABAA-FF05-3125-1888-BA23ED30F60E}"/>
              </a:ext>
            </a:extLst>
          </p:cNvPr>
          <p:cNvSpPr>
            <a:spLocks noGrp="1"/>
          </p:cNvSpPr>
          <p:nvPr>
            <p:ph type="sldNum" sz="quarter" idx="11"/>
          </p:nvPr>
        </p:nvSpPr>
        <p:spPr/>
        <p:txBody>
          <a:bodyPr/>
          <a:lstStyle/>
          <a:p>
            <a:pPr fontAlgn="base">
              <a:spcBef>
                <a:spcPct val="0"/>
              </a:spcBef>
              <a:spcAft>
                <a:spcPct val="0"/>
              </a:spcAft>
              <a:defRPr/>
            </a:pPr>
            <a:fld id="{247B0619-9F6E-41AA-AAFB-FC9846E0271E}" type="slidenum">
              <a:rPr lang="nb-NO">
                <a:solidFill>
                  <a:srgbClr val="A8FFC8"/>
                </a:solidFill>
              </a:rPr>
              <a:pPr fontAlgn="base">
                <a:spcBef>
                  <a:spcPct val="0"/>
                </a:spcBef>
                <a:spcAft>
                  <a:spcPct val="0"/>
                </a:spcAft>
                <a:defRPr/>
              </a:pPr>
              <a:t>14</a:t>
            </a:fld>
            <a:endParaRPr lang="nb-NO">
              <a:solidFill>
                <a:srgbClr val="A8FFC8"/>
              </a:solidFill>
            </a:endParaRPr>
          </a:p>
        </p:txBody>
      </p:sp>
      <p:graphicFrame>
        <p:nvGraphicFramePr>
          <p:cNvPr id="3" name="Table 2">
            <a:extLst>
              <a:ext uri="{FF2B5EF4-FFF2-40B4-BE49-F238E27FC236}">
                <a16:creationId xmlns:a16="http://schemas.microsoft.com/office/drawing/2014/main" id="{DE5DB69D-190D-49E9-C048-DFAE70F7DE4B}"/>
              </a:ext>
            </a:extLst>
          </p:cNvPr>
          <p:cNvGraphicFramePr>
            <a:graphicFrameLocks noGrp="1"/>
          </p:cNvGraphicFramePr>
          <p:nvPr/>
        </p:nvGraphicFramePr>
        <p:xfrm>
          <a:off x="2117699" y="2060848"/>
          <a:ext cx="7956602" cy="2310244"/>
        </p:xfrm>
        <a:graphic>
          <a:graphicData uri="http://schemas.openxmlformats.org/drawingml/2006/table">
            <a:tbl>
              <a:tblPr firstRow="1" bandRow="1">
                <a:tableStyleId>{21E4AEA4-8DFA-4A89-87EB-49C32662AFE0}</a:tableStyleId>
              </a:tblPr>
              <a:tblGrid>
                <a:gridCol w="593925">
                  <a:extLst>
                    <a:ext uri="{9D8B030D-6E8A-4147-A177-3AD203B41FA5}">
                      <a16:colId xmlns:a16="http://schemas.microsoft.com/office/drawing/2014/main" val="3464822358"/>
                    </a:ext>
                  </a:extLst>
                </a:gridCol>
                <a:gridCol w="4266335">
                  <a:extLst>
                    <a:ext uri="{9D8B030D-6E8A-4147-A177-3AD203B41FA5}">
                      <a16:colId xmlns:a16="http://schemas.microsoft.com/office/drawing/2014/main" val="3353011356"/>
                    </a:ext>
                  </a:extLst>
                </a:gridCol>
                <a:gridCol w="1224136">
                  <a:extLst>
                    <a:ext uri="{9D8B030D-6E8A-4147-A177-3AD203B41FA5}">
                      <a16:colId xmlns:a16="http://schemas.microsoft.com/office/drawing/2014/main" val="710747297"/>
                    </a:ext>
                  </a:extLst>
                </a:gridCol>
                <a:gridCol w="936104">
                  <a:extLst>
                    <a:ext uri="{9D8B030D-6E8A-4147-A177-3AD203B41FA5}">
                      <a16:colId xmlns:a16="http://schemas.microsoft.com/office/drawing/2014/main" val="4293461084"/>
                    </a:ext>
                  </a:extLst>
                </a:gridCol>
                <a:gridCol w="936102">
                  <a:extLst>
                    <a:ext uri="{9D8B030D-6E8A-4147-A177-3AD203B41FA5}">
                      <a16:colId xmlns:a16="http://schemas.microsoft.com/office/drawing/2014/main" val="1083235682"/>
                    </a:ext>
                  </a:extLst>
                </a:gridCol>
              </a:tblGrid>
              <a:tr h="298564">
                <a:tc>
                  <a:txBody>
                    <a:bodyPr/>
                    <a:lstStyle/>
                    <a:p>
                      <a:r>
                        <a:rPr lang="nb-NO" sz="1200" b="1" i="0" kern="1200" noProof="0">
                          <a:solidFill>
                            <a:schemeClr val="tx1"/>
                          </a:solidFill>
                          <a:effectLst/>
                          <a:latin typeface="+mn-lt"/>
                          <a:cs typeface="Times New Roman" panose="02020603050405020304" pitchFamily="18" charset="0"/>
                        </a:rPr>
                        <a:t>Dato</a:t>
                      </a:r>
                    </a:p>
                  </a:txBody>
                  <a:tcPr/>
                </a:tc>
                <a:tc>
                  <a:txBody>
                    <a:bodyPr/>
                    <a:lstStyle/>
                    <a:p>
                      <a:r>
                        <a:rPr lang="nb-NO" sz="1200" b="1" i="0" kern="1200" noProof="0">
                          <a:solidFill>
                            <a:schemeClr val="tx1"/>
                          </a:solidFill>
                          <a:effectLst/>
                          <a:latin typeface="+mn-lt"/>
                          <a:cs typeface="Times New Roman" panose="02020603050405020304" pitchFamily="18" charset="0"/>
                        </a:rPr>
                        <a:t>Tema</a:t>
                      </a:r>
                    </a:p>
                  </a:txBody>
                  <a:tcPr/>
                </a:tc>
                <a:tc>
                  <a:txBody>
                    <a:bodyPr/>
                    <a:lstStyle/>
                    <a:p>
                      <a:r>
                        <a:rPr lang="nb-NO" sz="1200" b="1" i="0" kern="1200" noProof="0">
                          <a:solidFill>
                            <a:schemeClr val="tx1"/>
                          </a:solidFill>
                          <a:effectLst/>
                          <a:latin typeface="+mn-lt"/>
                          <a:cs typeface="Times New Roman" panose="02020603050405020304" pitchFamily="18" charset="0"/>
                        </a:rPr>
                        <a:t>Bidragsytere</a:t>
                      </a:r>
                    </a:p>
                  </a:txBody>
                  <a:tcPr/>
                </a:tc>
                <a:tc>
                  <a:txBody>
                    <a:bodyPr/>
                    <a:lstStyle/>
                    <a:p>
                      <a:r>
                        <a:rPr lang="nb-NO" sz="1200" b="1" i="0" kern="1200" noProof="0">
                          <a:solidFill>
                            <a:schemeClr val="tx1"/>
                          </a:solidFill>
                          <a:effectLst/>
                          <a:latin typeface="+mn-lt"/>
                          <a:cs typeface="Times New Roman" panose="02020603050405020304" pitchFamily="18" charset="0"/>
                        </a:rPr>
                        <a:t>Møteform </a:t>
                      </a:r>
                    </a:p>
                  </a:txBody>
                  <a:tcPr/>
                </a:tc>
                <a:tc>
                  <a:txBody>
                    <a:bodyPr/>
                    <a:lstStyle/>
                    <a:p>
                      <a:r>
                        <a:rPr lang="nb-NO" sz="1200" b="1" i="0" kern="1200" noProof="0">
                          <a:solidFill>
                            <a:schemeClr val="tx1"/>
                          </a:solidFill>
                          <a:effectLst/>
                          <a:latin typeface="+mn-lt"/>
                          <a:cs typeface="Times New Roman" panose="02020603050405020304" pitchFamily="18" charset="0"/>
                        </a:rPr>
                        <a:t>Deltakere </a:t>
                      </a:r>
                    </a:p>
                  </a:txBody>
                  <a:tcPr/>
                </a:tc>
                <a:extLst>
                  <a:ext uri="{0D108BD9-81ED-4DB2-BD59-A6C34878D82A}">
                    <a16:rowId xmlns:a16="http://schemas.microsoft.com/office/drawing/2014/main" val="1851017211"/>
                  </a:ext>
                </a:extLst>
              </a:tr>
              <a:tr h="410056">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solidFill>
                            <a:schemeClr val="tx1"/>
                          </a:solidFill>
                          <a:effectLst/>
                          <a:latin typeface="+mn-lt"/>
                          <a:cs typeface="Times New Roman" panose="02020603050405020304" pitchFamily="18" charset="0"/>
                        </a:rPr>
                        <a:t>04.03</a:t>
                      </a:r>
                      <a:endParaRPr lang="nb-NO" sz="1200" b="0" i="0" noProof="0">
                        <a:solidFill>
                          <a:schemeClr val="tx1"/>
                        </a:solidFill>
                        <a:latin typeface="+mn-lt"/>
                      </a:endParaRPr>
                    </a:p>
                  </a:txBody>
                  <a:tcPr/>
                </a:tc>
                <a:tc>
                  <a:txBody>
                    <a:bodyPr/>
                    <a:lstStyle/>
                    <a:p>
                      <a:pPr marL="0" marR="0" lvl="0" indent="0" algn="l" rtl="0" eaLnBrk="1" fontAlgn="auto" latinLnBrk="0" hangingPunct="1">
                        <a:lnSpc>
                          <a:spcPct val="100000"/>
                        </a:lnSpc>
                        <a:spcBef>
                          <a:spcPts val="0"/>
                        </a:spcBef>
                        <a:spcAft>
                          <a:spcPts val="0"/>
                        </a:spcAft>
                        <a:buClrTx/>
                        <a:buSzTx/>
                        <a:buFontTx/>
                        <a:buNone/>
                      </a:pPr>
                      <a:r>
                        <a:rPr lang="nb-NO" sz="1200" b="1" i="0" noProof="0">
                          <a:effectLst/>
                          <a:latin typeface="+mn-lt"/>
                          <a:ea typeface="Aptos" panose="020B0004020202020204" pitchFamily="34" charset="0"/>
                          <a:cs typeface="Times New Roman"/>
                        </a:rPr>
                        <a:t>Arkitektoniske grep for drift/renhold</a:t>
                      </a:r>
                    </a:p>
                    <a:p>
                      <a:pPr marL="0" marR="0" lvl="0" indent="0" algn="l" rtl="0" eaLnBrk="1" fontAlgn="auto" latinLnBrk="0" hangingPunct="1">
                        <a:lnSpc>
                          <a:spcPct val="100000"/>
                        </a:lnSpc>
                        <a:spcBef>
                          <a:spcPts val="0"/>
                        </a:spcBef>
                        <a:spcAft>
                          <a:spcPts val="0"/>
                        </a:spcAft>
                        <a:buClrTx/>
                        <a:buSzTx/>
                        <a:buFontTx/>
                        <a:buNone/>
                      </a:pPr>
                      <a:r>
                        <a:rPr lang="nb-NO" sz="1200" b="0" i="0" noProof="0">
                          <a:effectLst/>
                          <a:latin typeface="+mn-lt"/>
                          <a:ea typeface="Aptos" panose="020B0004020202020204" pitchFamily="34" charset="0"/>
                          <a:cs typeface="Times New Roman"/>
                        </a:rPr>
                        <a:t>Møteserie om renhold</a:t>
                      </a:r>
                      <a:endParaRPr lang="nb-NO" sz="1200" b="0" i="0" noProof="0">
                        <a:solidFill>
                          <a:schemeClr val="tx1"/>
                        </a:solidFill>
                        <a:latin typeface="+mn-lt"/>
                        <a:cs typeface="Times New Roman"/>
                      </a:endParaRPr>
                    </a:p>
                  </a:txBody>
                  <a:tcPr/>
                </a:tc>
                <a:tc>
                  <a:txBody>
                    <a:bodyPr/>
                    <a:lstStyle/>
                    <a:p>
                      <a:r>
                        <a:rPr lang="nb-NO" sz="1200" b="0" i="0" noProof="0">
                          <a:latin typeface="+mn-lt"/>
                        </a:rPr>
                        <a:t>Link </a:t>
                      </a:r>
                      <a:r>
                        <a:rPr lang="nb-NO" sz="1200" i="0" noProof="0">
                          <a:effectLst/>
                          <a:latin typeface="+mn-lt"/>
                          <a:cs typeface="Times New Roman" panose="02020603050405020304" pitchFamily="18" charset="0"/>
                        </a:rPr>
                        <a:t>arkitektur</a:t>
                      </a:r>
                      <a:endParaRPr lang="nb-NO" sz="1200" b="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nb-NO" sz="1200" b="0" i="0" noProof="0">
                        <a:latin typeface="+mn-lt"/>
                      </a:endParaRPr>
                    </a:p>
                  </a:txBody>
                  <a:tcPr/>
                </a:tc>
                <a:tc>
                  <a:txBody>
                    <a:bodyPr/>
                    <a:lstStyle/>
                    <a:p>
                      <a:r>
                        <a:rPr lang="nb-NO" sz="1200" b="0" i="0" noProof="0">
                          <a:latin typeface="+mn-lt"/>
                        </a:rPr>
                        <a:t>44</a:t>
                      </a:r>
                    </a:p>
                  </a:txBody>
                  <a:tcPr/>
                </a:tc>
                <a:extLst>
                  <a:ext uri="{0D108BD9-81ED-4DB2-BD59-A6C34878D82A}">
                    <a16:rowId xmlns:a16="http://schemas.microsoft.com/office/drawing/2014/main" val="4180566520"/>
                  </a:ext>
                </a:extLst>
              </a:tr>
              <a:tr h="43204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effectLst/>
                          <a:latin typeface="+mn-lt"/>
                          <a:cs typeface="Times New Roman" panose="02020603050405020304" pitchFamily="18" charset="0"/>
                        </a:rPr>
                        <a:t>08.04</a:t>
                      </a:r>
                      <a:endParaRPr lang="nb-NO" sz="1200" b="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effectLst/>
                          <a:latin typeface="+mn-lt"/>
                          <a:ea typeface="Aptos" panose="020B0004020202020204" pitchFamily="34" charset="0"/>
                          <a:cs typeface="Times New Roman"/>
                        </a:rPr>
                        <a:t>Involvering av renhold i byggeprosjekter</a:t>
                      </a:r>
                    </a:p>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effectLst/>
                          <a:latin typeface="+mn-lt"/>
                          <a:ea typeface="Aptos" panose="020B0004020202020204" pitchFamily="34" charset="0"/>
                          <a:cs typeface="Times New Roman"/>
                        </a:rPr>
                        <a:t>Møteserie om renhold</a:t>
                      </a:r>
                      <a:endParaRPr lang="nb-NO" sz="1200" b="0" i="0" noProof="0">
                        <a:solidFill>
                          <a:schemeClr val="tx1"/>
                        </a:solidFill>
                        <a:latin typeface="+mn-lt"/>
                        <a:cs typeface="Times New Roman"/>
                      </a:endParaRPr>
                    </a:p>
                  </a:txBody>
                  <a:tcPr/>
                </a:tc>
                <a:tc>
                  <a:txBody>
                    <a:bodyPr/>
                    <a:lstStyle/>
                    <a:p>
                      <a:r>
                        <a:rPr lang="nb-NO" sz="1200" i="0" noProof="0">
                          <a:effectLst/>
                          <a:latin typeface="+mn-lt"/>
                          <a:cs typeface="Times New Roman" panose="02020603050405020304" pitchFamily="18" charset="0"/>
                        </a:rPr>
                        <a:t>Vestre Viken</a:t>
                      </a:r>
                      <a:endParaRPr lang="nb-NO" sz="1200" i="0" noProof="0">
                        <a:latin typeface="+mn-lt"/>
                      </a:endParaRPr>
                    </a:p>
                  </a:txBody>
                  <a:tcPr/>
                </a:tc>
                <a:tc>
                  <a:txBody>
                    <a:bodyPr/>
                    <a:lstStyle/>
                    <a:p>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latin typeface="+mn-lt"/>
                        </a:rPr>
                        <a:t>28</a:t>
                      </a:r>
                      <a:endParaRPr lang="nb-NO" sz="1200" i="0" noProof="0">
                        <a:latin typeface="+mn-lt"/>
                      </a:endParaRPr>
                    </a:p>
                  </a:txBody>
                  <a:tcPr/>
                </a:tc>
                <a:extLst>
                  <a:ext uri="{0D108BD9-81ED-4DB2-BD59-A6C34878D82A}">
                    <a16:rowId xmlns:a16="http://schemas.microsoft.com/office/drawing/2014/main" val="3083017686"/>
                  </a:ext>
                </a:extLst>
              </a:tr>
              <a:tr h="432048">
                <a:tc>
                  <a:txBody>
                    <a:bodyPr/>
                    <a:lstStyle/>
                    <a:p>
                      <a:r>
                        <a:rPr lang="nb-NO" sz="1200" i="0" noProof="0">
                          <a:effectLst/>
                          <a:latin typeface="+mn-lt"/>
                          <a:cs typeface="Times New Roman" panose="02020603050405020304" pitchFamily="18" charset="0"/>
                        </a:rPr>
                        <a:t>06.05</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effectLst/>
                          <a:latin typeface="+mn-lt"/>
                          <a:ea typeface="Aptos" panose="020B0004020202020204" pitchFamily="34" charset="0"/>
                          <a:cs typeface="Times New Roman" panose="02020603050405020304" pitchFamily="18" charset="0"/>
                        </a:rPr>
                        <a:t>Hvordan ivaretas renhold i planleggingen av nybygg</a:t>
                      </a:r>
                    </a:p>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effectLst/>
                          <a:latin typeface="+mn-lt"/>
                          <a:ea typeface="Aptos" panose="020B0004020202020204" pitchFamily="34" charset="0"/>
                          <a:cs typeface="Times New Roman"/>
                        </a:rPr>
                        <a:t>Møteserie om renhold</a:t>
                      </a:r>
                      <a:endParaRPr lang="nb-NO" sz="1200" b="0" i="0" noProof="0">
                        <a:solidFill>
                          <a:schemeClr val="tx1"/>
                        </a:solidFill>
                        <a:latin typeface="+mn-lt"/>
                        <a:cs typeface="Times New Roman"/>
                      </a:endParaRPr>
                    </a:p>
                  </a:txBody>
                  <a:tcPr/>
                </a:tc>
                <a:tc>
                  <a:txBody>
                    <a:bodyPr/>
                    <a:lstStyle/>
                    <a:p>
                      <a:r>
                        <a:rPr lang="nb-NO" sz="1200" i="0" noProof="0">
                          <a:latin typeface="+mn-lt"/>
                        </a:rPr>
                        <a:t>Arbeidstilsynet</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r>
                        <a:rPr lang="nb-NO" sz="1200" i="0" noProof="0">
                          <a:latin typeface="+mn-lt"/>
                        </a:rPr>
                        <a:t>22</a:t>
                      </a:r>
                    </a:p>
                  </a:txBody>
                  <a:tcPr/>
                </a:tc>
                <a:extLst>
                  <a:ext uri="{0D108BD9-81ED-4DB2-BD59-A6C34878D82A}">
                    <a16:rowId xmlns:a16="http://schemas.microsoft.com/office/drawing/2014/main" val="923179962"/>
                  </a:ext>
                </a:extLst>
              </a:tr>
              <a:tr h="484223">
                <a:tc>
                  <a:txBody>
                    <a:bodyPr/>
                    <a:lstStyle/>
                    <a:p>
                      <a:r>
                        <a:rPr lang="nb-NO" sz="1200" i="0" noProof="0">
                          <a:latin typeface="+mn-lt"/>
                        </a:rPr>
                        <a:t>28.08</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latin typeface="+mn-lt"/>
                        </a:rPr>
                        <a:t>Tepper I næringsbygg</a:t>
                      </a:r>
                    </a:p>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effectLst/>
                          <a:latin typeface="+mn-lt"/>
                          <a:ea typeface="Aptos" panose="020B0004020202020204" pitchFamily="34" charset="0"/>
                          <a:cs typeface="Times New Roman"/>
                        </a:rPr>
                        <a:t>Møteserie om spesialrenhold</a:t>
                      </a:r>
                      <a:endParaRPr lang="nb-NO" sz="1200" b="0" i="0" noProof="0">
                        <a:solidFill>
                          <a:schemeClr val="tx1"/>
                        </a:solidFill>
                        <a:latin typeface="+mn-lt"/>
                        <a:cs typeface="Times New Roman"/>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latin typeface="+mn-lt"/>
                        </a:rPr>
                        <a:t>Møbel og Teppeservice</a:t>
                      </a:r>
                    </a:p>
                    <a:p>
                      <a:endParaRPr lang="nb-NO" sz="1200" i="0" noProof="0">
                        <a:solidFill>
                          <a:schemeClr val="tx1"/>
                        </a:solidFill>
                        <a:latin typeface="+mn-lt"/>
                      </a:endParaRPr>
                    </a:p>
                  </a:txBody>
                  <a:tcPr/>
                </a:tc>
                <a:tc>
                  <a:txBody>
                    <a:bodyPr/>
                    <a:lstStyle/>
                    <a:p>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i="0" noProof="0">
                          <a:effectLst/>
                          <a:latin typeface="+mn-lt"/>
                          <a:cs typeface="Times New Roman" panose="02020603050405020304" pitchFamily="18" charset="0"/>
                        </a:rPr>
                        <a:t>2</a:t>
                      </a:r>
                      <a:r>
                        <a:rPr lang="nb-NO" sz="1200" i="0" noProof="0">
                          <a:effectLst/>
                          <a:latin typeface="+mn-lt"/>
                          <a:cs typeface="Times New Roman" panose="02020603050405020304" pitchFamily="18" charset="0"/>
                        </a:rPr>
                        <a:t>8</a:t>
                      </a:r>
                      <a:endParaRPr lang="nb-NO" sz="1200" i="0" noProof="0">
                        <a:latin typeface="+mn-lt"/>
                      </a:endParaRPr>
                    </a:p>
                  </a:txBody>
                  <a:tcPr/>
                </a:tc>
                <a:extLst>
                  <a:ext uri="{0D108BD9-81ED-4DB2-BD59-A6C34878D82A}">
                    <a16:rowId xmlns:a16="http://schemas.microsoft.com/office/drawing/2014/main" val="3800479791"/>
                  </a:ext>
                </a:extLst>
              </a:tr>
            </a:tbl>
          </a:graphicData>
        </a:graphic>
      </p:graphicFrame>
    </p:spTree>
    <p:extLst>
      <p:ext uri="{BB962C8B-B14F-4D97-AF65-F5344CB8AC3E}">
        <p14:creationId xmlns:p14="http://schemas.microsoft.com/office/powerpoint/2010/main" val="199426147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1E31E5-3F68-9EB0-1D25-BE9CB344FB9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AC8E365-EE2F-883E-65C3-C83383B9BCE7}"/>
              </a:ext>
            </a:extLst>
          </p:cNvPr>
          <p:cNvSpPr>
            <a:spLocks noGrp="1"/>
          </p:cNvSpPr>
          <p:nvPr>
            <p:ph type="title"/>
          </p:nvPr>
        </p:nvSpPr>
        <p:spPr>
          <a:xfrm>
            <a:off x="1981200" y="1196752"/>
            <a:ext cx="8229600" cy="1368152"/>
          </a:xfrm>
        </p:spPr>
        <p:txBody>
          <a:bodyPr/>
          <a:lstStyle/>
          <a:p>
            <a:r>
              <a:rPr lang="nb-NO" sz="2400" b="1">
                <a:ea typeface="Aptos" panose="020B0004020202020204" pitchFamily="34" charset="0"/>
                <a:cs typeface="Times New Roman" panose="02020603050405020304" pitchFamily="18" charset="0"/>
              </a:rPr>
              <a:t>NfN nettverket for Bespisning  </a:t>
            </a:r>
            <a:br>
              <a:rPr lang="nb-NO" b="1"/>
            </a:br>
            <a:br>
              <a:rPr lang="nb-NO" b="1">
                <a:latin typeface="Aptos" panose="020B0004020202020204" pitchFamily="34" charset="0"/>
                <a:ea typeface="Aptos" panose="020B0004020202020204" pitchFamily="34" charset="0"/>
                <a:cs typeface="Times New Roman" panose="02020603050405020304" pitchFamily="18" charset="0"/>
              </a:rPr>
            </a:br>
            <a:endParaRPr lang="nb-NO" noProof="0"/>
          </a:p>
        </p:txBody>
      </p:sp>
      <p:sp>
        <p:nvSpPr>
          <p:cNvPr id="5" name="Slide Number Placeholder 4">
            <a:extLst>
              <a:ext uri="{FF2B5EF4-FFF2-40B4-BE49-F238E27FC236}">
                <a16:creationId xmlns:a16="http://schemas.microsoft.com/office/drawing/2014/main" id="{46A1A6AC-A598-4CCF-4C24-7B81E02E8B68}"/>
              </a:ext>
            </a:extLst>
          </p:cNvPr>
          <p:cNvSpPr>
            <a:spLocks noGrp="1"/>
          </p:cNvSpPr>
          <p:nvPr>
            <p:ph type="sldNum" sz="quarter" idx="11"/>
          </p:nvPr>
        </p:nvSpPr>
        <p:spPr/>
        <p:txBody>
          <a:bodyPr/>
          <a:lstStyle/>
          <a:p>
            <a:pPr fontAlgn="base">
              <a:spcBef>
                <a:spcPct val="0"/>
              </a:spcBef>
              <a:spcAft>
                <a:spcPct val="0"/>
              </a:spcAft>
              <a:defRPr/>
            </a:pPr>
            <a:fld id="{247B0619-9F6E-41AA-AAFB-FC9846E0271E}" type="slidenum">
              <a:rPr lang="nb-NO">
                <a:solidFill>
                  <a:srgbClr val="A8FFC8"/>
                </a:solidFill>
              </a:rPr>
              <a:pPr fontAlgn="base">
                <a:spcBef>
                  <a:spcPct val="0"/>
                </a:spcBef>
                <a:spcAft>
                  <a:spcPct val="0"/>
                </a:spcAft>
                <a:defRPr/>
              </a:pPr>
              <a:t>15</a:t>
            </a:fld>
            <a:endParaRPr lang="nb-NO">
              <a:solidFill>
                <a:srgbClr val="A8FFC8"/>
              </a:solidFill>
            </a:endParaRPr>
          </a:p>
        </p:txBody>
      </p:sp>
      <p:sp>
        <p:nvSpPr>
          <p:cNvPr id="3" name="Plassholder for bunntekst 3">
            <a:extLst>
              <a:ext uri="{FF2B5EF4-FFF2-40B4-BE49-F238E27FC236}">
                <a16:creationId xmlns:a16="http://schemas.microsoft.com/office/drawing/2014/main" id="{D417FDC2-06AE-AAF6-6964-43615AAEAA60}"/>
              </a:ext>
            </a:extLst>
          </p:cNvPr>
          <p:cNvSpPr>
            <a:spLocks noGrp="1"/>
          </p:cNvSpPr>
          <p:nvPr>
            <p:ph type="ftr" sz="quarter" idx="10"/>
          </p:nvPr>
        </p:nvSpPr>
        <p:spPr bwMode="auto">
          <a:xfrm>
            <a:off x="3719514" y="6248400"/>
            <a:ext cx="4321175" cy="457200"/>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normAutofit fontScale="92500" lnSpcReduction="20000"/>
          </a:bodyPr>
          <a:lstStyle/>
          <a:p>
            <a:pPr fontAlgn="base">
              <a:spcBef>
                <a:spcPct val="0"/>
              </a:spcBef>
              <a:spcAft>
                <a:spcPts val="600"/>
              </a:spcAft>
              <a:defRPr/>
            </a:pPr>
            <a:r>
              <a:rPr lang="nb-NO">
                <a:solidFill>
                  <a:srgbClr val="00007D"/>
                </a:solidFill>
              </a:rPr>
              <a:t>NfN</a:t>
            </a:r>
          </a:p>
          <a:p>
            <a:pPr fontAlgn="base">
              <a:spcBef>
                <a:spcPct val="0"/>
              </a:spcBef>
              <a:spcAft>
                <a:spcPts val="600"/>
              </a:spcAft>
              <a:defRPr/>
            </a:pPr>
            <a:r>
              <a:rPr lang="nb-NO">
                <a:solidFill>
                  <a:srgbClr val="00007D"/>
                </a:solidFill>
              </a:rPr>
              <a:t>Norwegian </a:t>
            </a:r>
            <a:r>
              <a:rPr lang="nb-NO" err="1">
                <a:solidFill>
                  <a:srgbClr val="00007D"/>
                </a:solidFill>
              </a:rPr>
              <a:t>Facility</a:t>
            </a:r>
            <a:r>
              <a:rPr lang="nb-NO">
                <a:solidFill>
                  <a:srgbClr val="00007D"/>
                </a:solidFill>
              </a:rPr>
              <a:t> Management Network</a:t>
            </a:r>
          </a:p>
        </p:txBody>
      </p:sp>
      <p:graphicFrame>
        <p:nvGraphicFramePr>
          <p:cNvPr id="4" name="Content Placeholder 5">
            <a:extLst>
              <a:ext uri="{FF2B5EF4-FFF2-40B4-BE49-F238E27FC236}">
                <a16:creationId xmlns:a16="http://schemas.microsoft.com/office/drawing/2014/main" id="{EEEBA53D-3C55-7529-4302-BE76B73E175B}"/>
              </a:ext>
            </a:extLst>
          </p:cNvPr>
          <p:cNvGraphicFramePr>
            <a:graphicFrameLocks/>
          </p:cNvGraphicFramePr>
          <p:nvPr/>
        </p:nvGraphicFramePr>
        <p:xfrm>
          <a:off x="2063552" y="1988840"/>
          <a:ext cx="7992888" cy="1032336"/>
        </p:xfrm>
        <a:graphic>
          <a:graphicData uri="http://schemas.openxmlformats.org/drawingml/2006/table">
            <a:tbl>
              <a:tblPr firstRow="1" bandRow="1">
                <a:tableStyleId>{21E4AEA4-8DFA-4A89-87EB-49C32662AFE0}</a:tableStyleId>
              </a:tblPr>
              <a:tblGrid>
                <a:gridCol w="636673">
                  <a:extLst>
                    <a:ext uri="{9D8B030D-6E8A-4147-A177-3AD203B41FA5}">
                      <a16:colId xmlns:a16="http://schemas.microsoft.com/office/drawing/2014/main" val="115727247"/>
                    </a:ext>
                  </a:extLst>
                </a:gridCol>
                <a:gridCol w="2459671">
                  <a:extLst>
                    <a:ext uri="{9D8B030D-6E8A-4147-A177-3AD203B41FA5}">
                      <a16:colId xmlns:a16="http://schemas.microsoft.com/office/drawing/2014/main" val="2896210780"/>
                    </a:ext>
                  </a:extLst>
                </a:gridCol>
                <a:gridCol w="2986739">
                  <a:extLst>
                    <a:ext uri="{9D8B030D-6E8A-4147-A177-3AD203B41FA5}">
                      <a16:colId xmlns:a16="http://schemas.microsoft.com/office/drawing/2014/main" val="4041463873"/>
                    </a:ext>
                  </a:extLst>
                </a:gridCol>
                <a:gridCol w="990269">
                  <a:extLst>
                    <a:ext uri="{9D8B030D-6E8A-4147-A177-3AD203B41FA5}">
                      <a16:colId xmlns:a16="http://schemas.microsoft.com/office/drawing/2014/main" val="3331224947"/>
                    </a:ext>
                  </a:extLst>
                </a:gridCol>
                <a:gridCol w="919536">
                  <a:extLst>
                    <a:ext uri="{9D8B030D-6E8A-4147-A177-3AD203B41FA5}">
                      <a16:colId xmlns:a16="http://schemas.microsoft.com/office/drawing/2014/main" val="2479964604"/>
                    </a:ext>
                  </a:extLst>
                </a:gridCol>
              </a:tblGrid>
              <a:tr h="298564">
                <a:tc>
                  <a:txBody>
                    <a:bodyPr/>
                    <a:lstStyle/>
                    <a:p>
                      <a:r>
                        <a:rPr lang="nb-NO" sz="1200" b="1" i="0" kern="1200" noProof="0">
                          <a:solidFill>
                            <a:schemeClr val="tx1"/>
                          </a:solidFill>
                          <a:effectLst/>
                          <a:latin typeface="+mn-lt"/>
                          <a:cs typeface="Times New Roman" panose="02020603050405020304" pitchFamily="18" charset="0"/>
                        </a:rPr>
                        <a:t>Dato</a:t>
                      </a:r>
                    </a:p>
                  </a:txBody>
                  <a:tcPr/>
                </a:tc>
                <a:tc>
                  <a:txBody>
                    <a:bodyPr/>
                    <a:lstStyle/>
                    <a:p>
                      <a:r>
                        <a:rPr lang="nb-NO" sz="1200" b="1" i="0" kern="1200" noProof="0">
                          <a:solidFill>
                            <a:schemeClr val="tx1"/>
                          </a:solidFill>
                          <a:effectLst/>
                          <a:latin typeface="+mn-lt"/>
                          <a:cs typeface="Times New Roman" panose="02020603050405020304" pitchFamily="18" charset="0"/>
                        </a:rPr>
                        <a:t>Tema</a:t>
                      </a:r>
                    </a:p>
                  </a:txBody>
                  <a:tcPr/>
                </a:tc>
                <a:tc>
                  <a:txBody>
                    <a:bodyPr/>
                    <a:lstStyle/>
                    <a:p>
                      <a:r>
                        <a:rPr lang="nb-NO" sz="1200" b="1" i="0" kern="1200" noProof="0">
                          <a:solidFill>
                            <a:schemeClr val="tx1"/>
                          </a:solidFill>
                          <a:effectLst/>
                          <a:latin typeface="+mn-lt"/>
                          <a:cs typeface="Times New Roman" panose="02020603050405020304" pitchFamily="18" charset="0"/>
                        </a:rPr>
                        <a:t>Bidragsytere</a:t>
                      </a:r>
                    </a:p>
                  </a:txBody>
                  <a:tcPr/>
                </a:tc>
                <a:tc>
                  <a:txBody>
                    <a:bodyPr/>
                    <a:lstStyle/>
                    <a:p>
                      <a:r>
                        <a:rPr lang="nb-NO" sz="1200" b="1" i="0" kern="1200" noProof="0">
                          <a:solidFill>
                            <a:schemeClr val="tx1"/>
                          </a:solidFill>
                          <a:effectLst/>
                          <a:latin typeface="+mn-lt"/>
                          <a:cs typeface="Times New Roman" panose="02020603050405020304" pitchFamily="18" charset="0"/>
                        </a:rPr>
                        <a:t>Møteform </a:t>
                      </a:r>
                    </a:p>
                  </a:txBody>
                  <a:tcPr/>
                </a:tc>
                <a:tc>
                  <a:txBody>
                    <a:bodyPr/>
                    <a:lstStyle/>
                    <a:p>
                      <a:r>
                        <a:rPr lang="nb-NO" sz="1200" b="1" i="0" kern="1200" noProof="0">
                          <a:solidFill>
                            <a:schemeClr val="tx1"/>
                          </a:solidFill>
                          <a:effectLst/>
                          <a:latin typeface="+mn-lt"/>
                          <a:cs typeface="Times New Roman" panose="02020603050405020304" pitchFamily="18" charset="0"/>
                        </a:rPr>
                        <a:t>Deltakere </a:t>
                      </a:r>
                    </a:p>
                  </a:txBody>
                  <a:tcPr/>
                </a:tc>
                <a:extLst>
                  <a:ext uri="{0D108BD9-81ED-4DB2-BD59-A6C34878D82A}">
                    <a16:rowId xmlns:a16="http://schemas.microsoft.com/office/drawing/2014/main" val="79887822"/>
                  </a:ext>
                </a:extLst>
              </a:tr>
              <a:tr h="30172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noProof="0">
                          <a:solidFill>
                            <a:schemeClr val="tx1"/>
                          </a:solidFill>
                          <a:effectLst/>
                          <a:latin typeface="+mn-lt"/>
                          <a:cs typeface="Times New Roman" panose="02020603050405020304" pitchFamily="18" charset="0"/>
                        </a:rPr>
                        <a:t>0</a:t>
                      </a:r>
                      <a:r>
                        <a:rPr lang="nb-NO" sz="1200" b="0" i="0" noProof="0">
                          <a:solidFill>
                            <a:schemeClr val="tx1"/>
                          </a:solidFill>
                          <a:effectLst/>
                          <a:latin typeface="+mn-lt"/>
                          <a:cs typeface="Times New Roman" panose="02020603050405020304" pitchFamily="18" charset="0"/>
                        </a:rPr>
                        <a:t>8.05</a:t>
                      </a:r>
                      <a:endParaRPr lang="nb-NO" sz="1200" b="0" i="0" noProof="0">
                        <a:solidFill>
                          <a:schemeClr val="tx1"/>
                        </a:solidFill>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noProof="0">
                          <a:solidFill>
                            <a:schemeClr val="tx1"/>
                          </a:solidFill>
                          <a:latin typeface="+mn-lt"/>
                        </a:rPr>
                        <a:t>Bærekraft fra jord til bord </a:t>
                      </a:r>
                      <a:endParaRPr lang="nb-NO" sz="1200" b="1" i="0" noProof="0">
                        <a:solidFill>
                          <a:schemeClr val="tx1"/>
                        </a:solidFill>
                        <a:effectLst/>
                        <a:latin typeface="+mn-lt"/>
                        <a:ea typeface="Aptos" panose="020B0004020202020204" pitchFamily="34" charset="0"/>
                        <a:cs typeface="Times New Roman" panose="02020603050405020304" pitchFamily="18" charset="0"/>
                      </a:endParaRPr>
                    </a:p>
                  </a:txBody>
                  <a:tcPr/>
                </a:tc>
                <a:tc>
                  <a:txBody>
                    <a:bodyPr/>
                    <a:lstStyle/>
                    <a:p>
                      <a:r>
                        <a:rPr lang="en-US" sz="1200" b="0" i="0" noProof="0">
                          <a:latin typeface="+mn-lt"/>
                        </a:rPr>
                        <a:t>Tine</a:t>
                      </a:r>
                      <a:endParaRPr lang="nb-NO" sz="1200" b="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noProof="0">
                          <a:solidFill>
                            <a:schemeClr val="tx1"/>
                          </a:solidFill>
                          <a:latin typeface="+mn-lt"/>
                        </a:rPr>
                        <a:t>D</a:t>
                      </a:r>
                      <a:r>
                        <a:rPr lang="nb-NO" sz="1200" b="0" i="0" noProof="0" err="1">
                          <a:solidFill>
                            <a:schemeClr val="tx1"/>
                          </a:solidFill>
                          <a:latin typeface="+mn-lt"/>
                        </a:rPr>
                        <a:t>igital</a:t>
                      </a:r>
                      <a:endParaRPr lang="nb-NO" sz="1200" b="0" i="0" noProof="0">
                        <a:latin typeface="+mn-lt"/>
                      </a:endParaRPr>
                    </a:p>
                  </a:txBody>
                  <a:tcPr/>
                </a:tc>
                <a:tc>
                  <a:txBody>
                    <a:bodyPr/>
                    <a:lstStyle/>
                    <a:p>
                      <a:r>
                        <a:rPr lang="en-US" sz="1200" b="0" i="0" noProof="0">
                          <a:latin typeface="+mn-lt"/>
                        </a:rPr>
                        <a:t>2</a:t>
                      </a:r>
                      <a:r>
                        <a:rPr lang="nb-NO" sz="1200" b="0" i="0" noProof="0">
                          <a:latin typeface="+mn-lt"/>
                        </a:rPr>
                        <a:t>8</a:t>
                      </a:r>
                    </a:p>
                  </a:txBody>
                  <a:tcPr/>
                </a:tc>
                <a:extLst>
                  <a:ext uri="{0D108BD9-81ED-4DB2-BD59-A6C34878D82A}">
                    <a16:rowId xmlns:a16="http://schemas.microsoft.com/office/drawing/2014/main" val="4148506752"/>
                  </a:ext>
                </a:extLst>
              </a:tr>
              <a:tr h="43204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effectLst/>
                          <a:latin typeface="+mn-lt"/>
                          <a:cs typeface="Times New Roman" panose="02020603050405020304" pitchFamily="18" charset="0"/>
                        </a:rPr>
                        <a:t>17.09</a:t>
                      </a:r>
                      <a:endParaRPr lang="nb-NO" sz="1200" b="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noProof="0">
                          <a:latin typeface="+mn-lt"/>
                        </a:rPr>
                        <a:t>Fremtidens muligheter</a:t>
                      </a:r>
                    </a:p>
                  </a:txBody>
                  <a:tcPr/>
                </a:tc>
                <a:tc>
                  <a:txBody>
                    <a:bodyPr/>
                    <a:lstStyle/>
                    <a:p>
                      <a:r>
                        <a:rPr lang="en-US" sz="1200" i="0" noProof="0">
                          <a:effectLst/>
                          <a:latin typeface="+mn-lt"/>
                          <a:cs typeface="Times New Roman" panose="02020603050405020304" pitchFamily="18" charset="0"/>
                        </a:rPr>
                        <a:t>F</a:t>
                      </a:r>
                      <a:r>
                        <a:rPr lang="nb-NO" sz="1200" i="0" noProof="0" err="1">
                          <a:effectLst/>
                          <a:latin typeface="+mn-lt"/>
                          <a:cs typeface="Times New Roman" panose="02020603050405020304" pitchFamily="18" charset="0"/>
                        </a:rPr>
                        <a:t>oodback</a:t>
                      </a:r>
                      <a:r>
                        <a:rPr lang="nb-NO" sz="1200" i="0" noProof="0">
                          <a:effectLst/>
                          <a:latin typeface="+mn-lt"/>
                          <a:cs typeface="Times New Roman" panose="02020603050405020304" pitchFamily="18" charset="0"/>
                        </a:rPr>
                        <a:t>, Nortura, EY, DNB</a:t>
                      </a:r>
                      <a:endParaRPr lang="nb-NO" sz="1200" i="0" noProof="0">
                        <a:latin typeface="+mn-lt"/>
                      </a:endParaRPr>
                    </a:p>
                  </a:txBody>
                  <a:tcPr/>
                </a:tc>
                <a:tc>
                  <a:txBody>
                    <a:bodyPr/>
                    <a:lstStyle/>
                    <a:p>
                      <a:r>
                        <a:rPr lang="en-US" sz="1200" i="0" noProof="0">
                          <a:effectLst/>
                          <a:latin typeface="+mn-lt"/>
                          <a:cs typeface="Times New Roman" panose="02020603050405020304" pitchFamily="18" charset="0"/>
                        </a:rPr>
                        <a:t>F</a:t>
                      </a:r>
                      <a:r>
                        <a:rPr lang="nb-NO" sz="1200" i="0" noProof="0" err="1">
                          <a:effectLst/>
                          <a:latin typeface="+mn-lt"/>
                          <a:cs typeface="Times New Roman" panose="02020603050405020304" pitchFamily="18" charset="0"/>
                        </a:rPr>
                        <a:t>ysisk</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noProof="0">
                          <a:latin typeface="+mn-lt"/>
                        </a:rPr>
                        <a:t>5</a:t>
                      </a:r>
                      <a:r>
                        <a:rPr lang="nb-NO" sz="1200" b="0" i="0" noProof="0">
                          <a:latin typeface="+mn-lt"/>
                        </a:rPr>
                        <a:t>5</a:t>
                      </a:r>
                      <a:endParaRPr lang="nb-NO" sz="1200" i="0" noProof="0">
                        <a:latin typeface="+mn-lt"/>
                      </a:endParaRPr>
                    </a:p>
                  </a:txBody>
                  <a:tcPr/>
                </a:tc>
                <a:extLst>
                  <a:ext uri="{0D108BD9-81ED-4DB2-BD59-A6C34878D82A}">
                    <a16:rowId xmlns:a16="http://schemas.microsoft.com/office/drawing/2014/main" val="266710608"/>
                  </a:ext>
                </a:extLst>
              </a:tr>
            </a:tbl>
          </a:graphicData>
        </a:graphic>
      </p:graphicFrame>
    </p:spTree>
    <p:extLst>
      <p:ext uri="{BB962C8B-B14F-4D97-AF65-F5344CB8AC3E}">
        <p14:creationId xmlns:p14="http://schemas.microsoft.com/office/powerpoint/2010/main" val="154624564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577EE6-394D-D94E-4AC5-969C1F67790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CD2F7DB-1CFC-305B-432A-ADC6EF046281}"/>
              </a:ext>
            </a:extLst>
          </p:cNvPr>
          <p:cNvSpPr>
            <a:spLocks noGrp="1"/>
          </p:cNvSpPr>
          <p:nvPr>
            <p:ph type="title"/>
          </p:nvPr>
        </p:nvSpPr>
        <p:spPr>
          <a:xfrm>
            <a:off x="1981200" y="1340768"/>
            <a:ext cx="8229600" cy="1008112"/>
          </a:xfrm>
        </p:spPr>
        <p:txBody>
          <a:bodyPr/>
          <a:lstStyle/>
          <a:p>
            <a:r>
              <a:rPr lang="nb-NO" sz="2400" b="1">
                <a:ea typeface="Aptos" panose="020B0004020202020204" pitchFamily="34" charset="0"/>
                <a:cs typeface="Times New Roman" panose="02020603050405020304" pitchFamily="18" charset="0"/>
              </a:rPr>
              <a:t>NfN nettverket for Drift, Vedlikehold og Energiledelse</a:t>
            </a:r>
            <a:br>
              <a:rPr lang="nb-NO" sz="4000" b="1"/>
            </a:br>
            <a:br>
              <a:rPr lang="nb-NO" b="1">
                <a:latin typeface="Aptos" panose="020B0004020202020204" pitchFamily="34" charset="0"/>
                <a:ea typeface="Aptos" panose="020B0004020202020204" pitchFamily="34" charset="0"/>
                <a:cs typeface="Times New Roman" panose="02020603050405020304" pitchFamily="18" charset="0"/>
              </a:rPr>
            </a:br>
            <a:endParaRPr lang="nb-NO" noProof="0"/>
          </a:p>
        </p:txBody>
      </p:sp>
      <p:sp>
        <p:nvSpPr>
          <p:cNvPr id="5" name="Slide Number Placeholder 4">
            <a:extLst>
              <a:ext uri="{FF2B5EF4-FFF2-40B4-BE49-F238E27FC236}">
                <a16:creationId xmlns:a16="http://schemas.microsoft.com/office/drawing/2014/main" id="{57E2E706-40DC-D918-3EFA-8D26DFF6C8C7}"/>
              </a:ext>
            </a:extLst>
          </p:cNvPr>
          <p:cNvSpPr>
            <a:spLocks noGrp="1"/>
          </p:cNvSpPr>
          <p:nvPr>
            <p:ph type="sldNum" sz="quarter" idx="11"/>
          </p:nvPr>
        </p:nvSpPr>
        <p:spPr/>
        <p:txBody>
          <a:bodyPr/>
          <a:lstStyle/>
          <a:p>
            <a:pPr fontAlgn="base">
              <a:spcBef>
                <a:spcPct val="0"/>
              </a:spcBef>
              <a:spcAft>
                <a:spcPct val="0"/>
              </a:spcAft>
              <a:defRPr/>
            </a:pPr>
            <a:fld id="{247B0619-9F6E-41AA-AAFB-FC9846E0271E}" type="slidenum">
              <a:rPr lang="nb-NO">
                <a:solidFill>
                  <a:srgbClr val="A8FFC8"/>
                </a:solidFill>
              </a:rPr>
              <a:pPr fontAlgn="base">
                <a:spcBef>
                  <a:spcPct val="0"/>
                </a:spcBef>
                <a:spcAft>
                  <a:spcPct val="0"/>
                </a:spcAft>
                <a:defRPr/>
              </a:pPr>
              <a:t>16</a:t>
            </a:fld>
            <a:endParaRPr lang="nb-NO">
              <a:solidFill>
                <a:srgbClr val="A8FFC8"/>
              </a:solidFill>
            </a:endParaRPr>
          </a:p>
        </p:txBody>
      </p:sp>
      <p:sp>
        <p:nvSpPr>
          <p:cNvPr id="3" name="Plassholder for bunntekst 3">
            <a:extLst>
              <a:ext uri="{FF2B5EF4-FFF2-40B4-BE49-F238E27FC236}">
                <a16:creationId xmlns:a16="http://schemas.microsoft.com/office/drawing/2014/main" id="{814BA084-AEEC-BDE1-8299-D20A259E2359}"/>
              </a:ext>
            </a:extLst>
          </p:cNvPr>
          <p:cNvSpPr>
            <a:spLocks noGrp="1"/>
          </p:cNvSpPr>
          <p:nvPr>
            <p:ph type="ftr" sz="quarter" idx="10"/>
          </p:nvPr>
        </p:nvSpPr>
        <p:spPr bwMode="auto">
          <a:xfrm>
            <a:off x="3719514" y="6248400"/>
            <a:ext cx="4321175" cy="457200"/>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normAutofit fontScale="92500" lnSpcReduction="20000"/>
          </a:bodyPr>
          <a:lstStyle/>
          <a:p>
            <a:pPr fontAlgn="base">
              <a:spcBef>
                <a:spcPct val="0"/>
              </a:spcBef>
              <a:spcAft>
                <a:spcPts val="600"/>
              </a:spcAft>
              <a:defRPr/>
            </a:pPr>
            <a:r>
              <a:rPr lang="nb-NO">
                <a:solidFill>
                  <a:srgbClr val="00007D"/>
                </a:solidFill>
              </a:rPr>
              <a:t>NfN</a:t>
            </a:r>
          </a:p>
          <a:p>
            <a:pPr fontAlgn="base">
              <a:spcBef>
                <a:spcPct val="0"/>
              </a:spcBef>
              <a:spcAft>
                <a:spcPts val="600"/>
              </a:spcAft>
              <a:defRPr/>
            </a:pPr>
            <a:r>
              <a:rPr lang="nb-NO">
                <a:solidFill>
                  <a:srgbClr val="00007D"/>
                </a:solidFill>
              </a:rPr>
              <a:t>Norwegian </a:t>
            </a:r>
            <a:r>
              <a:rPr lang="nb-NO" err="1">
                <a:solidFill>
                  <a:srgbClr val="00007D"/>
                </a:solidFill>
              </a:rPr>
              <a:t>Facility</a:t>
            </a:r>
            <a:r>
              <a:rPr lang="nb-NO">
                <a:solidFill>
                  <a:srgbClr val="00007D"/>
                </a:solidFill>
              </a:rPr>
              <a:t> Management Network</a:t>
            </a:r>
          </a:p>
        </p:txBody>
      </p:sp>
      <p:graphicFrame>
        <p:nvGraphicFramePr>
          <p:cNvPr id="8" name="Content Placeholder 5">
            <a:extLst>
              <a:ext uri="{FF2B5EF4-FFF2-40B4-BE49-F238E27FC236}">
                <a16:creationId xmlns:a16="http://schemas.microsoft.com/office/drawing/2014/main" id="{27F461F4-2558-B815-62EA-CAC5E9E47872}"/>
              </a:ext>
            </a:extLst>
          </p:cNvPr>
          <p:cNvGraphicFramePr>
            <a:graphicFrameLocks/>
          </p:cNvGraphicFramePr>
          <p:nvPr/>
        </p:nvGraphicFramePr>
        <p:xfrm>
          <a:off x="2063553" y="1916833"/>
          <a:ext cx="7848873" cy="3431785"/>
        </p:xfrm>
        <a:graphic>
          <a:graphicData uri="http://schemas.openxmlformats.org/drawingml/2006/table">
            <a:tbl>
              <a:tblPr firstRow="1" bandRow="1">
                <a:tableStyleId>{21E4AEA4-8DFA-4A89-87EB-49C32662AFE0}</a:tableStyleId>
              </a:tblPr>
              <a:tblGrid>
                <a:gridCol w="682832">
                  <a:extLst>
                    <a:ext uri="{9D8B030D-6E8A-4147-A177-3AD203B41FA5}">
                      <a16:colId xmlns:a16="http://schemas.microsoft.com/office/drawing/2014/main" val="115727247"/>
                    </a:ext>
                  </a:extLst>
                </a:gridCol>
                <a:gridCol w="3421624">
                  <a:extLst>
                    <a:ext uri="{9D8B030D-6E8A-4147-A177-3AD203B41FA5}">
                      <a16:colId xmlns:a16="http://schemas.microsoft.com/office/drawing/2014/main" val="2896210780"/>
                    </a:ext>
                  </a:extLst>
                </a:gridCol>
                <a:gridCol w="1800200">
                  <a:extLst>
                    <a:ext uri="{9D8B030D-6E8A-4147-A177-3AD203B41FA5}">
                      <a16:colId xmlns:a16="http://schemas.microsoft.com/office/drawing/2014/main" val="4041463873"/>
                    </a:ext>
                  </a:extLst>
                </a:gridCol>
                <a:gridCol w="1008112">
                  <a:extLst>
                    <a:ext uri="{9D8B030D-6E8A-4147-A177-3AD203B41FA5}">
                      <a16:colId xmlns:a16="http://schemas.microsoft.com/office/drawing/2014/main" val="3331224947"/>
                    </a:ext>
                  </a:extLst>
                </a:gridCol>
                <a:gridCol w="936105">
                  <a:extLst>
                    <a:ext uri="{9D8B030D-6E8A-4147-A177-3AD203B41FA5}">
                      <a16:colId xmlns:a16="http://schemas.microsoft.com/office/drawing/2014/main" val="2479964604"/>
                    </a:ext>
                  </a:extLst>
                </a:gridCol>
              </a:tblGrid>
              <a:tr h="267264">
                <a:tc>
                  <a:txBody>
                    <a:bodyPr/>
                    <a:lstStyle/>
                    <a:p>
                      <a:r>
                        <a:rPr lang="nb-NO" sz="1200" b="1" i="0" kern="1200" noProof="0">
                          <a:solidFill>
                            <a:schemeClr val="tx1"/>
                          </a:solidFill>
                          <a:effectLst/>
                          <a:latin typeface="+mn-lt"/>
                          <a:cs typeface="Times New Roman" panose="02020603050405020304" pitchFamily="18" charset="0"/>
                        </a:rPr>
                        <a:t>Dato</a:t>
                      </a:r>
                    </a:p>
                  </a:txBody>
                  <a:tcPr/>
                </a:tc>
                <a:tc>
                  <a:txBody>
                    <a:bodyPr/>
                    <a:lstStyle/>
                    <a:p>
                      <a:r>
                        <a:rPr lang="nb-NO" sz="1200" b="1" i="0" kern="1200" noProof="0">
                          <a:solidFill>
                            <a:schemeClr val="tx1"/>
                          </a:solidFill>
                          <a:effectLst/>
                          <a:latin typeface="+mn-lt"/>
                          <a:cs typeface="Times New Roman" panose="02020603050405020304" pitchFamily="18" charset="0"/>
                        </a:rPr>
                        <a:t>Tema</a:t>
                      </a:r>
                    </a:p>
                  </a:txBody>
                  <a:tcPr/>
                </a:tc>
                <a:tc>
                  <a:txBody>
                    <a:bodyPr/>
                    <a:lstStyle/>
                    <a:p>
                      <a:r>
                        <a:rPr lang="nb-NO" sz="1200" b="1" i="0" kern="1200" noProof="0">
                          <a:solidFill>
                            <a:schemeClr val="tx1"/>
                          </a:solidFill>
                          <a:effectLst/>
                          <a:latin typeface="+mn-lt"/>
                          <a:cs typeface="Times New Roman" panose="02020603050405020304" pitchFamily="18" charset="0"/>
                        </a:rPr>
                        <a:t>Bidragsytere</a:t>
                      </a:r>
                    </a:p>
                  </a:txBody>
                  <a:tcPr/>
                </a:tc>
                <a:tc>
                  <a:txBody>
                    <a:bodyPr/>
                    <a:lstStyle/>
                    <a:p>
                      <a:r>
                        <a:rPr lang="nb-NO" sz="1200" b="1" i="0" kern="1200" noProof="0">
                          <a:solidFill>
                            <a:schemeClr val="tx1"/>
                          </a:solidFill>
                          <a:effectLst/>
                          <a:latin typeface="+mn-lt"/>
                          <a:cs typeface="Times New Roman" panose="02020603050405020304" pitchFamily="18" charset="0"/>
                        </a:rPr>
                        <a:t>Møteform </a:t>
                      </a:r>
                    </a:p>
                  </a:txBody>
                  <a:tcPr/>
                </a:tc>
                <a:tc>
                  <a:txBody>
                    <a:bodyPr/>
                    <a:lstStyle/>
                    <a:p>
                      <a:r>
                        <a:rPr lang="nb-NO" sz="1200" b="1" i="0" kern="1200" noProof="0">
                          <a:solidFill>
                            <a:schemeClr val="tx1"/>
                          </a:solidFill>
                          <a:effectLst/>
                          <a:latin typeface="+mn-lt"/>
                          <a:cs typeface="Times New Roman" panose="02020603050405020304" pitchFamily="18" charset="0"/>
                        </a:rPr>
                        <a:t>Deltakere </a:t>
                      </a:r>
                    </a:p>
                  </a:txBody>
                  <a:tcPr/>
                </a:tc>
                <a:extLst>
                  <a:ext uri="{0D108BD9-81ED-4DB2-BD59-A6C34878D82A}">
                    <a16:rowId xmlns:a16="http://schemas.microsoft.com/office/drawing/2014/main" val="79887822"/>
                  </a:ext>
                </a:extLst>
              </a:tr>
              <a:tr h="44861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solidFill>
                            <a:schemeClr val="tx1"/>
                          </a:solidFill>
                          <a:effectLst/>
                          <a:latin typeface="+mn-lt"/>
                          <a:cs typeface="Times New Roman" panose="02020603050405020304" pitchFamily="18" charset="0"/>
                        </a:rPr>
                        <a:t>28.01</a:t>
                      </a:r>
                      <a:endParaRPr lang="nb-NO" sz="1200" b="0" i="0" noProof="0">
                        <a:solidFill>
                          <a:schemeClr val="tx1"/>
                        </a:solidFill>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solidFill>
                            <a:schemeClr val="tx1"/>
                          </a:solidFill>
                          <a:latin typeface="+mn-lt"/>
                        </a:rPr>
                        <a:t>Ombruk og gjenbruk</a:t>
                      </a:r>
                    </a:p>
                  </a:txBody>
                  <a:tcPr/>
                </a:tc>
                <a:tc>
                  <a:txBody>
                    <a:bodyPr/>
                    <a:lstStyle/>
                    <a:p>
                      <a:r>
                        <a:rPr lang="nb-NO" sz="1200" b="0" i="0" noProof="0">
                          <a:latin typeface="+mn-lt"/>
                        </a:rPr>
                        <a:t>Loopfront, </a:t>
                      </a:r>
                      <a:r>
                        <a:rPr lang="nb-NO" sz="1200" b="0" i="0" noProof="0" err="1">
                          <a:latin typeface="+mn-lt"/>
                        </a:rPr>
                        <a:t>Iark</a:t>
                      </a:r>
                      <a:endParaRPr lang="nb-NO" sz="1200" b="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r>
                        <a:rPr lang="nb-NO" sz="1200" b="0" i="0" noProof="0">
                          <a:latin typeface="+mn-lt"/>
                        </a:rPr>
                        <a:t>67</a:t>
                      </a:r>
                    </a:p>
                  </a:txBody>
                  <a:tcPr/>
                </a:tc>
                <a:extLst>
                  <a:ext uri="{0D108BD9-81ED-4DB2-BD59-A6C34878D82A}">
                    <a16:rowId xmlns:a16="http://schemas.microsoft.com/office/drawing/2014/main" val="4148506752"/>
                  </a:ext>
                </a:extLst>
              </a:tr>
              <a:tr h="44861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effectLst/>
                          <a:latin typeface="+mn-lt"/>
                          <a:cs typeface="Times New Roman" panose="02020603050405020304" pitchFamily="18" charset="0"/>
                        </a:rPr>
                        <a:t>24.04</a:t>
                      </a:r>
                      <a:endParaRPr lang="nb-NO" sz="1200" b="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err="1">
                          <a:latin typeface="+mn-lt"/>
                        </a:rPr>
                        <a:t>LoRaWAN</a:t>
                      </a:r>
                      <a:endParaRPr lang="nb-NO" sz="1200" b="1" i="0" noProof="0">
                        <a:latin typeface="+mn-lt"/>
                      </a:endParaRPr>
                    </a:p>
                  </a:txBody>
                  <a:tcPr/>
                </a:tc>
                <a:tc>
                  <a:txBody>
                    <a:bodyPr/>
                    <a:lstStyle/>
                    <a:p>
                      <a:r>
                        <a:rPr lang="nb-NO" sz="1200" i="0" noProof="0" err="1">
                          <a:latin typeface="+mn-lt"/>
                        </a:rPr>
                        <a:t>Swegon</a:t>
                      </a:r>
                      <a:r>
                        <a:rPr lang="nb-NO" sz="1200" i="0" noProof="0">
                          <a:latin typeface="+mn-lt"/>
                        </a:rPr>
                        <a:t>, </a:t>
                      </a:r>
                      <a:r>
                        <a:rPr lang="nb-NO" sz="1200" i="0" noProof="0" err="1">
                          <a:latin typeface="+mn-lt"/>
                        </a:rPr>
                        <a:t>Divako</a:t>
                      </a:r>
                      <a:r>
                        <a:rPr lang="nb-NO" sz="1200" i="0" noProof="0">
                          <a:latin typeface="+mn-lt"/>
                        </a:rPr>
                        <a:t>, Eidsiva</a:t>
                      </a:r>
                    </a:p>
                  </a:txBody>
                  <a:tcPr/>
                </a:tc>
                <a:tc>
                  <a:txBody>
                    <a:bodyPr/>
                    <a:lstStyle/>
                    <a:p>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latin typeface="+mn-lt"/>
                        </a:rPr>
                        <a:t>14</a:t>
                      </a:r>
                      <a:endParaRPr lang="nb-NO" sz="1200" i="0" noProof="0">
                        <a:latin typeface="+mn-lt"/>
                      </a:endParaRPr>
                    </a:p>
                  </a:txBody>
                  <a:tcPr/>
                </a:tc>
                <a:extLst>
                  <a:ext uri="{0D108BD9-81ED-4DB2-BD59-A6C34878D82A}">
                    <a16:rowId xmlns:a16="http://schemas.microsoft.com/office/drawing/2014/main" val="266710608"/>
                  </a:ext>
                </a:extLst>
              </a:tr>
              <a:tr h="44861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latin typeface="+mn-lt"/>
                        </a:rPr>
                        <a:t>29.04</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latin typeface="+mn-lt"/>
                        </a:rPr>
                        <a:t>Støtteprogrammer</a:t>
                      </a:r>
                    </a:p>
                  </a:txBody>
                  <a:tcPr/>
                </a:tc>
                <a:tc>
                  <a:txBody>
                    <a:bodyPr/>
                    <a:lstStyle/>
                    <a:p>
                      <a:r>
                        <a:rPr lang="nb-NO" sz="1200" i="0" noProof="0" err="1">
                          <a:latin typeface="+mn-lt"/>
                        </a:rPr>
                        <a:t>Enova</a:t>
                      </a:r>
                      <a:endParaRPr lang="nb-NO" sz="1200" i="0" noProof="0">
                        <a:latin typeface="+mn-lt"/>
                      </a:endParaRPr>
                    </a:p>
                  </a:txBody>
                  <a:tcPr/>
                </a:tc>
                <a:tc>
                  <a:txBody>
                    <a:bodyPr/>
                    <a:lstStyle/>
                    <a:p>
                      <a:r>
                        <a:rPr lang="nb-NO" sz="1200" i="0" noProof="0">
                          <a:latin typeface="+mn-lt"/>
                        </a:rPr>
                        <a:t>Digital</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latin typeface="+mn-lt"/>
                        </a:rPr>
                        <a:t>7</a:t>
                      </a:r>
                    </a:p>
                  </a:txBody>
                  <a:tcPr/>
                </a:tc>
                <a:extLst>
                  <a:ext uri="{0D108BD9-81ED-4DB2-BD59-A6C34878D82A}">
                    <a16:rowId xmlns:a16="http://schemas.microsoft.com/office/drawing/2014/main" val="1712906378"/>
                  </a:ext>
                </a:extLst>
              </a:tr>
              <a:tr h="44861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latin typeface="+mn-lt"/>
                        </a:rPr>
                        <a:t>12.05</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latin typeface="+mn-lt"/>
                        </a:rPr>
                        <a:t>Vannbehandling</a:t>
                      </a:r>
                    </a:p>
                  </a:txBody>
                  <a:tcPr/>
                </a:tc>
                <a:tc>
                  <a:txBody>
                    <a:bodyPr/>
                    <a:lstStyle/>
                    <a:p>
                      <a:r>
                        <a:rPr lang="nb-NO" sz="1200" i="0" noProof="0">
                          <a:latin typeface="+mn-lt"/>
                        </a:rPr>
                        <a:t>Kompa</a:t>
                      </a:r>
                    </a:p>
                  </a:txBody>
                  <a:tcPr/>
                </a:tc>
                <a:tc>
                  <a:txBody>
                    <a:bodyPr/>
                    <a:lstStyle/>
                    <a:p>
                      <a:r>
                        <a:rPr lang="nb-NO" sz="1200" i="0" noProof="0">
                          <a:latin typeface="+mn-lt"/>
                        </a:rPr>
                        <a:t>Digital</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latin typeface="+mn-lt"/>
                        </a:rPr>
                        <a:t>29</a:t>
                      </a:r>
                    </a:p>
                  </a:txBody>
                  <a:tcPr/>
                </a:tc>
                <a:extLst>
                  <a:ext uri="{0D108BD9-81ED-4DB2-BD59-A6C34878D82A}">
                    <a16:rowId xmlns:a16="http://schemas.microsoft.com/office/drawing/2014/main" val="2193386446"/>
                  </a:ext>
                </a:extLst>
              </a:tr>
              <a:tr h="44861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latin typeface="+mn-lt"/>
                        </a:rPr>
                        <a:t>30.09</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latin typeface="+mn-lt"/>
                        </a:rPr>
                        <a:t>BIM for eksisterende bygg</a:t>
                      </a:r>
                    </a:p>
                  </a:txBody>
                  <a:tcPr/>
                </a:tc>
                <a:tc>
                  <a:txBody>
                    <a:bodyPr/>
                    <a:lstStyle/>
                    <a:p>
                      <a:r>
                        <a:rPr lang="nb-NO" sz="1200" i="0" noProof="0">
                          <a:latin typeface="+mn-lt"/>
                        </a:rPr>
                        <a:t>Multiconsult</a:t>
                      </a:r>
                    </a:p>
                  </a:txBody>
                  <a:tcPr/>
                </a:tc>
                <a:tc>
                  <a:txBody>
                    <a:bodyPr/>
                    <a:lstStyle/>
                    <a:p>
                      <a:r>
                        <a:rPr lang="nb-NO" sz="1200" i="0" noProof="0">
                          <a:latin typeface="+mn-lt"/>
                        </a:rPr>
                        <a:t>Digital</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latin typeface="+mn-lt"/>
                        </a:rPr>
                        <a:t>45</a:t>
                      </a:r>
                    </a:p>
                  </a:txBody>
                  <a:tcPr/>
                </a:tc>
                <a:extLst>
                  <a:ext uri="{0D108BD9-81ED-4DB2-BD59-A6C34878D82A}">
                    <a16:rowId xmlns:a16="http://schemas.microsoft.com/office/drawing/2014/main" val="126642586"/>
                  </a:ext>
                </a:extLst>
              </a:tr>
              <a:tr h="44861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latin typeface="+mn-lt"/>
                        </a:rPr>
                        <a:t>18.11</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latin typeface="+mn-lt"/>
                        </a:rPr>
                        <a:t>EPC kontrakter og energitiltak på Ullevål sykehus</a:t>
                      </a:r>
                    </a:p>
                  </a:txBody>
                  <a:tcPr/>
                </a:tc>
                <a:tc>
                  <a:txBody>
                    <a:bodyPr/>
                    <a:lstStyle/>
                    <a:p>
                      <a:r>
                        <a:rPr lang="nb-NO" sz="1200" i="0" noProof="0">
                          <a:latin typeface="+mn-lt"/>
                        </a:rPr>
                        <a:t>Oslo universitets sykehus</a:t>
                      </a:r>
                    </a:p>
                  </a:txBody>
                  <a:tcPr/>
                </a:tc>
                <a:tc>
                  <a:txBody>
                    <a:bodyPr/>
                    <a:lstStyle/>
                    <a:p>
                      <a:r>
                        <a:rPr lang="nb-NO" sz="1200" i="0" noProof="0">
                          <a:latin typeface="+mn-lt"/>
                        </a:rPr>
                        <a:t>Digital</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latin typeface="+mn-lt"/>
                        </a:rPr>
                        <a:t>23</a:t>
                      </a:r>
                    </a:p>
                  </a:txBody>
                  <a:tcPr/>
                </a:tc>
                <a:extLst>
                  <a:ext uri="{0D108BD9-81ED-4DB2-BD59-A6C34878D82A}">
                    <a16:rowId xmlns:a16="http://schemas.microsoft.com/office/drawing/2014/main" val="103514833"/>
                  </a:ext>
                </a:extLst>
              </a:tr>
              <a:tr h="448613">
                <a:tc>
                  <a:txBody>
                    <a:bodyPr/>
                    <a:lstStyle/>
                    <a:p>
                      <a:r>
                        <a:rPr lang="nb-NO" sz="1200" i="0" noProof="0">
                          <a:effectLst/>
                          <a:latin typeface="+mn-lt"/>
                          <a:cs typeface="Times New Roman" panose="02020603050405020304" pitchFamily="18" charset="0"/>
                        </a:rPr>
                        <a:t>26.11</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latin typeface="+mn-lt"/>
                        </a:rPr>
                        <a:t>Energimerkeordningen</a:t>
                      </a:r>
                    </a:p>
                  </a:txBody>
                  <a:tcPr/>
                </a:tc>
                <a:tc>
                  <a:txBody>
                    <a:bodyPr/>
                    <a:lstStyle/>
                    <a:p>
                      <a:r>
                        <a:rPr lang="nb-NO" sz="1200" i="0" noProof="0" err="1">
                          <a:latin typeface="+mn-lt"/>
                        </a:rPr>
                        <a:t>Enova</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r>
                        <a:rPr lang="nb-NO" sz="1200" i="0" noProof="0">
                          <a:latin typeface="+mn-lt"/>
                        </a:rPr>
                        <a:t>41</a:t>
                      </a:r>
                    </a:p>
                  </a:txBody>
                  <a:tcPr/>
                </a:tc>
                <a:extLst>
                  <a:ext uri="{0D108BD9-81ED-4DB2-BD59-A6C34878D82A}">
                    <a16:rowId xmlns:a16="http://schemas.microsoft.com/office/drawing/2014/main" val="2181493237"/>
                  </a:ext>
                </a:extLst>
              </a:tr>
            </a:tbl>
          </a:graphicData>
        </a:graphic>
      </p:graphicFrame>
    </p:spTree>
    <p:extLst>
      <p:ext uri="{BB962C8B-B14F-4D97-AF65-F5344CB8AC3E}">
        <p14:creationId xmlns:p14="http://schemas.microsoft.com/office/powerpoint/2010/main" val="162018167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4BBAEF-04F6-21D2-4338-99E17B5A2CC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A685C81-3848-43E7-95FC-86F64FF08DDC}"/>
              </a:ext>
            </a:extLst>
          </p:cNvPr>
          <p:cNvSpPr>
            <a:spLocks noGrp="1"/>
          </p:cNvSpPr>
          <p:nvPr>
            <p:ph type="title"/>
          </p:nvPr>
        </p:nvSpPr>
        <p:spPr>
          <a:xfrm>
            <a:off x="1981200" y="1556792"/>
            <a:ext cx="8229600" cy="1008112"/>
          </a:xfrm>
        </p:spPr>
        <p:txBody>
          <a:bodyPr/>
          <a:lstStyle/>
          <a:p>
            <a:r>
              <a:rPr lang="nb-NO" sz="2400" b="1">
                <a:ea typeface="Aptos" panose="020B0004020202020204" pitchFamily="34" charset="0"/>
                <a:cs typeface="Times New Roman" panose="02020603050405020304" pitchFamily="18" charset="0"/>
              </a:rPr>
              <a:t>NfN nettverket for </a:t>
            </a:r>
            <a:r>
              <a:rPr lang="nb-NO" sz="2400" b="1" err="1">
                <a:ea typeface="Aptos" panose="020B0004020202020204" pitchFamily="34" charset="0"/>
                <a:cs typeface="Times New Roman" panose="02020603050405020304" pitchFamily="18" charset="0"/>
              </a:rPr>
              <a:t>Proptech</a:t>
            </a:r>
            <a:r>
              <a:rPr lang="nb-NO" sz="2400" b="1">
                <a:ea typeface="Aptos" panose="020B0004020202020204" pitchFamily="34" charset="0"/>
                <a:cs typeface="Times New Roman" panose="02020603050405020304" pitchFamily="18" charset="0"/>
              </a:rPr>
              <a:t> og FM-systemer</a:t>
            </a:r>
            <a:br>
              <a:rPr lang="nb-NO" sz="2400" b="1"/>
            </a:br>
            <a:br>
              <a:rPr lang="nb-NO" sz="2400" b="1"/>
            </a:br>
            <a:br>
              <a:rPr lang="nb-NO" b="1">
                <a:latin typeface="Aptos" panose="020B0004020202020204" pitchFamily="34" charset="0"/>
                <a:ea typeface="Aptos" panose="020B0004020202020204" pitchFamily="34" charset="0"/>
                <a:cs typeface="Times New Roman" panose="02020603050405020304" pitchFamily="18" charset="0"/>
              </a:rPr>
            </a:br>
            <a:endParaRPr lang="nb-NO" noProof="0"/>
          </a:p>
        </p:txBody>
      </p:sp>
      <p:sp>
        <p:nvSpPr>
          <p:cNvPr id="5" name="Slide Number Placeholder 4">
            <a:extLst>
              <a:ext uri="{FF2B5EF4-FFF2-40B4-BE49-F238E27FC236}">
                <a16:creationId xmlns:a16="http://schemas.microsoft.com/office/drawing/2014/main" id="{7C5AA229-3CF0-D74A-66A2-552FE5A133A9}"/>
              </a:ext>
            </a:extLst>
          </p:cNvPr>
          <p:cNvSpPr>
            <a:spLocks noGrp="1"/>
          </p:cNvSpPr>
          <p:nvPr>
            <p:ph type="sldNum" sz="quarter" idx="11"/>
          </p:nvPr>
        </p:nvSpPr>
        <p:spPr/>
        <p:txBody>
          <a:bodyPr/>
          <a:lstStyle/>
          <a:p>
            <a:pPr fontAlgn="base">
              <a:spcBef>
                <a:spcPct val="0"/>
              </a:spcBef>
              <a:spcAft>
                <a:spcPct val="0"/>
              </a:spcAft>
              <a:defRPr/>
            </a:pPr>
            <a:fld id="{247B0619-9F6E-41AA-AAFB-FC9846E0271E}" type="slidenum">
              <a:rPr lang="nb-NO">
                <a:solidFill>
                  <a:srgbClr val="A8FFC8"/>
                </a:solidFill>
              </a:rPr>
              <a:pPr fontAlgn="base">
                <a:spcBef>
                  <a:spcPct val="0"/>
                </a:spcBef>
                <a:spcAft>
                  <a:spcPct val="0"/>
                </a:spcAft>
                <a:defRPr/>
              </a:pPr>
              <a:t>17</a:t>
            </a:fld>
            <a:endParaRPr lang="nb-NO">
              <a:solidFill>
                <a:srgbClr val="A8FFC8"/>
              </a:solidFill>
            </a:endParaRPr>
          </a:p>
        </p:txBody>
      </p:sp>
      <p:sp>
        <p:nvSpPr>
          <p:cNvPr id="3" name="Plassholder for bunntekst 3">
            <a:extLst>
              <a:ext uri="{FF2B5EF4-FFF2-40B4-BE49-F238E27FC236}">
                <a16:creationId xmlns:a16="http://schemas.microsoft.com/office/drawing/2014/main" id="{4537BC8A-44FD-70F1-1265-D7B168C9B119}"/>
              </a:ext>
            </a:extLst>
          </p:cNvPr>
          <p:cNvSpPr>
            <a:spLocks noGrp="1"/>
          </p:cNvSpPr>
          <p:nvPr>
            <p:ph type="ftr" sz="quarter" idx="10"/>
          </p:nvPr>
        </p:nvSpPr>
        <p:spPr bwMode="auto">
          <a:xfrm>
            <a:off x="3719514" y="6248400"/>
            <a:ext cx="4321175" cy="457200"/>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normAutofit fontScale="92500" lnSpcReduction="20000"/>
          </a:bodyPr>
          <a:lstStyle/>
          <a:p>
            <a:pPr fontAlgn="base">
              <a:spcBef>
                <a:spcPct val="0"/>
              </a:spcBef>
              <a:spcAft>
                <a:spcPts val="600"/>
              </a:spcAft>
              <a:defRPr/>
            </a:pPr>
            <a:r>
              <a:rPr lang="nb-NO">
                <a:solidFill>
                  <a:srgbClr val="00007D"/>
                </a:solidFill>
              </a:rPr>
              <a:t>NfN</a:t>
            </a:r>
          </a:p>
          <a:p>
            <a:pPr fontAlgn="base">
              <a:spcBef>
                <a:spcPct val="0"/>
              </a:spcBef>
              <a:spcAft>
                <a:spcPts val="600"/>
              </a:spcAft>
              <a:defRPr/>
            </a:pPr>
            <a:r>
              <a:rPr lang="nb-NO">
                <a:solidFill>
                  <a:srgbClr val="00007D"/>
                </a:solidFill>
              </a:rPr>
              <a:t>Norwegian </a:t>
            </a:r>
            <a:r>
              <a:rPr lang="nb-NO" err="1">
                <a:solidFill>
                  <a:srgbClr val="00007D"/>
                </a:solidFill>
              </a:rPr>
              <a:t>Facility</a:t>
            </a:r>
            <a:r>
              <a:rPr lang="nb-NO">
                <a:solidFill>
                  <a:srgbClr val="00007D"/>
                </a:solidFill>
              </a:rPr>
              <a:t> Management Network</a:t>
            </a:r>
          </a:p>
        </p:txBody>
      </p:sp>
      <p:graphicFrame>
        <p:nvGraphicFramePr>
          <p:cNvPr id="8" name="Content Placeholder 5">
            <a:extLst>
              <a:ext uri="{FF2B5EF4-FFF2-40B4-BE49-F238E27FC236}">
                <a16:creationId xmlns:a16="http://schemas.microsoft.com/office/drawing/2014/main" id="{C8C997F1-2A89-F0E8-DA6C-8E333B6D0899}"/>
              </a:ext>
            </a:extLst>
          </p:cNvPr>
          <p:cNvGraphicFramePr>
            <a:graphicFrameLocks/>
          </p:cNvGraphicFramePr>
          <p:nvPr/>
        </p:nvGraphicFramePr>
        <p:xfrm>
          <a:off x="2063739" y="1915657"/>
          <a:ext cx="7632723" cy="1033244"/>
        </p:xfrm>
        <a:graphic>
          <a:graphicData uri="http://schemas.openxmlformats.org/drawingml/2006/table">
            <a:tbl>
              <a:tblPr firstRow="1" bandRow="1">
                <a:tableStyleId>{21E4AEA4-8DFA-4A89-87EB-49C32662AFE0}</a:tableStyleId>
              </a:tblPr>
              <a:tblGrid>
                <a:gridCol w="664027">
                  <a:extLst>
                    <a:ext uri="{9D8B030D-6E8A-4147-A177-3AD203B41FA5}">
                      <a16:colId xmlns:a16="http://schemas.microsoft.com/office/drawing/2014/main" val="115727247"/>
                    </a:ext>
                  </a:extLst>
                </a:gridCol>
                <a:gridCol w="2858768">
                  <a:extLst>
                    <a:ext uri="{9D8B030D-6E8A-4147-A177-3AD203B41FA5}">
                      <a16:colId xmlns:a16="http://schemas.microsoft.com/office/drawing/2014/main" val="2896210780"/>
                    </a:ext>
                  </a:extLst>
                </a:gridCol>
                <a:gridCol w="2237721">
                  <a:extLst>
                    <a:ext uri="{9D8B030D-6E8A-4147-A177-3AD203B41FA5}">
                      <a16:colId xmlns:a16="http://schemas.microsoft.com/office/drawing/2014/main" val="4041463873"/>
                    </a:ext>
                  </a:extLst>
                </a:gridCol>
                <a:gridCol w="936104">
                  <a:extLst>
                    <a:ext uri="{9D8B030D-6E8A-4147-A177-3AD203B41FA5}">
                      <a16:colId xmlns:a16="http://schemas.microsoft.com/office/drawing/2014/main" val="3331224947"/>
                    </a:ext>
                  </a:extLst>
                </a:gridCol>
                <a:gridCol w="936103">
                  <a:extLst>
                    <a:ext uri="{9D8B030D-6E8A-4147-A177-3AD203B41FA5}">
                      <a16:colId xmlns:a16="http://schemas.microsoft.com/office/drawing/2014/main" val="2479964604"/>
                    </a:ext>
                  </a:extLst>
                </a:gridCol>
              </a:tblGrid>
              <a:tr h="226556">
                <a:tc>
                  <a:txBody>
                    <a:bodyPr/>
                    <a:lstStyle/>
                    <a:p>
                      <a:r>
                        <a:rPr lang="nb-NO" sz="1200" b="1" i="0" kern="1200" noProof="0">
                          <a:solidFill>
                            <a:schemeClr val="tx1"/>
                          </a:solidFill>
                          <a:effectLst/>
                          <a:latin typeface="+mn-lt"/>
                          <a:cs typeface="Times New Roman" panose="02020603050405020304" pitchFamily="18" charset="0"/>
                        </a:rPr>
                        <a:t>Dato</a:t>
                      </a:r>
                    </a:p>
                  </a:txBody>
                  <a:tcPr/>
                </a:tc>
                <a:tc>
                  <a:txBody>
                    <a:bodyPr/>
                    <a:lstStyle/>
                    <a:p>
                      <a:r>
                        <a:rPr lang="nb-NO" sz="1200" b="1" i="0" kern="1200" noProof="0">
                          <a:solidFill>
                            <a:schemeClr val="tx1"/>
                          </a:solidFill>
                          <a:effectLst/>
                          <a:latin typeface="+mn-lt"/>
                          <a:cs typeface="Times New Roman" panose="02020603050405020304" pitchFamily="18" charset="0"/>
                        </a:rPr>
                        <a:t>Tema</a:t>
                      </a:r>
                    </a:p>
                  </a:txBody>
                  <a:tcPr/>
                </a:tc>
                <a:tc>
                  <a:txBody>
                    <a:bodyPr/>
                    <a:lstStyle/>
                    <a:p>
                      <a:r>
                        <a:rPr lang="nb-NO" sz="1200" b="1" i="0" kern="1200" noProof="0">
                          <a:solidFill>
                            <a:schemeClr val="tx1"/>
                          </a:solidFill>
                          <a:effectLst/>
                          <a:latin typeface="+mn-lt"/>
                          <a:cs typeface="Times New Roman" panose="02020603050405020304" pitchFamily="18" charset="0"/>
                        </a:rPr>
                        <a:t>Bidragsytere</a:t>
                      </a:r>
                    </a:p>
                  </a:txBody>
                  <a:tcPr/>
                </a:tc>
                <a:tc>
                  <a:txBody>
                    <a:bodyPr/>
                    <a:lstStyle/>
                    <a:p>
                      <a:r>
                        <a:rPr lang="nb-NO" sz="1200" b="1" i="0" kern="1200" noProof="0">
                          <a:solidFill>
                            <a:schemeClr val="tx1"/>
                          </a:solidFill>
                          <a:effectLst/>
                          <a:latin typeface="+mn-lt"/>
                          <a:cs typeface="Times New Roman" panose="02020603050405020304" pitchFamily="18" charset="0"/>
                        </a:rPr>
                        <a:t>Møteform </a:t>
                      </a:r>
                    </a:p>
                  </a:txBody>
                  <a:tcPr/>
                </a:tc>
                <a:tc>
                  <a:txBody>
                    <a:bodyPr/>
                    <a:lstStyle/>
                    <a:p>
                      <a:r>
                        <a:rPr lang="nb-NO" sz="1200" b="1" i="0" kern="1200" noProof="0">
                          <a:solidFill>
                            <a:schemeClr val="tx1"/>
                          </a:solidFill>
                          <a:effectLst/>
                          <a:latin typeface="+mn-lt"/>
                          <a:cs typeface="Times New Roman" panose="02020603050405020304" pitchFamily="18" charset="0"/>
                        </a:rPr>
                        <a:t>Deltakere </a:t>
                      </a:r>
                    </a:p>
                  </a:txBody>
                  <a:tcPr/>
                </a:tc>
                <a:extLst>
                  <a:ext uri="{0D108BD9-81ED-4DB2-BD59-A6C34878D82A}">
                    <a16:rowId xmlns:a16="http://schemas.microsoft.com/office/drawing/2014/main" val="79887822"/>
                  </a:ext>
                </a:extLst>
              </a:tr>
              <a:tr h="30172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noProof="0">
                          <a:solidFill>
                            <a:schemeClr val="tx1"/>
                          </a:solidFill>
                          <a:effectLst/>
                          <a:latin typeface="+mn-lt"/>
                          <a:cs typeface="Times New Roman" panose="02020603050405020304" pitchFamily="18" charset="0"/>
                        </a:rPr>
                        <a:t>2</a:t>
                      </a:r>
                      <a:r>
                        <a:rPr lang="nb-NO" sz="1200" b="0" i="0" noProof="0">
                          <a:solidFill>
                            <a:schemeClr val="tx1"/>
                          </a:solidFill>
                          <a:effectLst/>
                          <a:latin typeface="+mn-lt"/>
                          <a:cs typeface="Times New Roman" panose="02020603050405020304" pitchFamily="18" charset="0"/>
                        </a:rPr>
                        <a:t>0.05</a:t>
                      </a:r>
                      <a:endParaRPr lang="nb-NO" sz="1200" b="0" i="0" noProof="0">
                        <a:solidFill>
                          <a:schemeClr val="tx1"/>
                        </a:solidFill>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i="0" noProof="0">
                          <a:solidFill>
                            <a:schemeClr val="tx1"/>
                          </a:solidFill>
                          <a:latin typeface="+mn-lt"/>
                        </a:rPr>
                        <a:t>Virtuell eiendomsforvaltning</a:t>
                      </a:r>
                    </a:p>
                  </a:txBody>
                  <a:tcPr/>
                </a:tc>
                <a:tc>
                  <a:txBody>
                    <a:bodyPr/>
                    <a:lstStyle/>
                    <a:p>
                      <a:r>
                        <a:rPr lang="en-US" sz="1200" b="0" i="0" noProof="0">
                          <a:latin typeface="+mn-lt"/>
                        </a:rPr>
                        <a:t>DNB, Visual 360</a:t>
                      </a:r>
                      <a:endParaRPr lang="nb-NO" sz="1200" b="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r>
                        <a:rPr lang="en-US" sz="1200" b="0" i="0" noProof="0">
                          <a:latin typeface="+mn-lt"/>
                        </a:rPr>
                        <a:t>4</a:t>
                      </a:r>
                      <a:r>
                        <a:rPr lang="nb-NO" sz="1200" b="0" i="0" noProof="0">
                          <a:latin typeface="+mn-lt"/>
                        </a:rPr>
                        <a:t>3</a:t>
                      </a:r>
                    </a:p>
                  </a:txBody>
                  <a:tcPr/>
                </a:tc>
                <a:extLst>
                  <a:ext uri="{0D108BD9-81ED-4DB2-BD59-A6C34878D82A}">
                    <a16:rowId xmlns:a16="http://schemas.microsoft.com/office/drawing/2014/main" val="4148506752"/>
                  </a:ext>
                </a:extLst>
              </a:tr>
              <a:tr h="28204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effectLst/>
                          <a:latin typeface="+mn-lt"/>
                          <a:ea typeface="Aptos" panose="020B0004020202020204" pitchFamily="34" charset="0"/>
                          <a:cs typeface="Times New Roman" panose="02020603050405020304" pitchFamily="18" charset="0"/>
                        </a:rPr>
                        <a:t>23.05</a:t>
                      </a:r>
                      <a:endParaRPr lang="nb-NO" sz="1200" b="0" i="0" noProof="0">
                        <a:latin typeface="+mn-lt"/>
                      </a:endParaRPr>
                    </a:p>
                  </a:txBody>
                  <a:tcPr/>
                </a:tc>
                <a:tc>
                  <a:txBody>
                    <a:bodyPr/>
                    <a:lstStyle/>
                    <a:p>
                      <a:pPr algn="l"/>
                      <a:r>
                        <a:rPr lang="nb-NO" sz="1200" b="1" i="0" noProof="0">
                          <a:effectLst/>
                          <a:latin typeface="+mn-lt"/>
                        </a:rPr>
                        <a:t>Finnes det en komplett løsning for analyse av arealutnyttelse?</a:t>
                      </a:r>
                    </a:p>
                  </a:txBody>
                  <a:tcPr/>
                </a:tc>
                <a:tc>
                  <a:txBody>
                    <a:bodyPr/>
                    <a:lstStyle/>
                    <a:p>
                      <a:r>
                        <a:rPr lang="nb-NO" sz="1200" b="0" i="0" kern="1200" noProof="0">
                          <a:solidFill>
                            <a:schemeClr val="dk1"/>
                          </a:solidFill>
                          <a:effectLst/>
                          <a:latin typeface="+mn-lt"/>
                          <a:ea typeface="+mn-ea"/>
                          <a:cs typeface="+mn-cs"/>
                        </a:rPr>
                        <a:t>Haltian, IF, Stavanger universitetssykehus</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latin typeface="+mn-lt"/>
                        </a:rPr>
                        <a:t>Fysisk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noProof="0">
                          <a:latin typeface="+mn-lt"/>
                        </a:rPr>
                        <a:t>4</a:t>
                      </a:r>
                      <a:r>
                        <a:rPr lang="nb-NO" sz="1200" b="0" i="0" noProof="0">
                          <a:latin typeface="+mn-lt"/>
                        </a:rPr>
                        <a:t>9</a:t>
                      </a:r>
                      <a:endParaRPr lang="nb-NO" sz="1200" i="0" noProof="0">
                        <a:latin typeface="+mn-lt"/>
                      </a:endParaRPr>
                    </a:p>
                  </a:txBody>
                  <a:tcPr/>
                </a:tc>
                <a:extLst>
                  <a:ext uri="{0D108BD9-81ED-4DB2-BD59-A6C34878D82A}">
                    <a16:rowId xmlns:a16="http://schemas.microsoft.com/office/drawing/2014/main" val="266710608"/>
                  </a:ext>
                </a:extLst>
              </a:tr>
            </a:tbl>
          </a:graphicData>
        </a:graphic>
      </p:graphicFrame>
    </p:spTree>
    <p:extLst>
      <p:ext uri="{BB962C8B-B14F-4D97-AF65-F5344CB8AC3E}">
        <p14:creationId xmlns:p14="http://schemas.microsoft.com/office/powerpoint/2010/main" val="30739513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C8B289-1ED0-2F3E-0A08-907EA16F10A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A492EE6-E4CE-8A25-207F-E83BAA62E507}"/>
              </a:ext>
            </a:extLst>
          </p:cNvPr>
          <p:cNvSpPr>
            <a:spLocks noGrp="1"/>
          </p:cNvSpPr>
          <p:nvPr>
            <p:ph type="title"/>
          </p:nvPr>
        </p:nvSpPr>
        <p:spPr>
          <a:xfrm>
            <a:off x="1981200" y="1556792"/>
            <a:ext cx="8229600" cy="432048"/>
          </a:xfrm>
        </p:spPr>
        <p:txBody>
          <a:bodyPr/>
          <a:lstStyle/>
          <a:p>
            <a:r>
              <a:rPr lang="nb-NO" sz="2400" b="1">
                <a:ea typeface="Aptos" panose="020B0004020202020204" pitchFamily="34" charset="0"/>
                <a:cs typeface="Times New Roman" panose="02020603050405020304" pitchFamily="18" charset="0"/>
              </a:rPr>
              <a:t>NfN nettverket for arbeidsmiljø og -arbeidshelse</a:t>
            </a:r>
            <a:br>
              <a:rPr lang="nb-NO" sz="4000" b="1"/>
            </a:br>
            <a:br>
              <a:rPr lang="nb-NO" b="1">
                <a:latin typeface="Aptos" panose="020B0004020202020204" pitchFamily="34" charset="0"/>
                <a:ea typeface="Aptos" panose="020B0004020202020204" pitchFamily="34" charset="0"/>
                <a:cs typeface="Times New Roman" panose="02020603050405020304" pitchFamily="18" charset="0"/>
              </a:rPr>
            </a:br>
            <a:endParaRPr lang="nb-NO" noProof="0"/>
          </a:p>
        </p:txBody>
      </p:sp>
      <p:sp>
        <p:nvSpPr>
          <p:cNvPr id="5" name="Slide Number Placeholder 4">
            <a:extLst>
              <a:ext uri="{FF2B5EF4-FFF2-40B4-BE49-F238E27FC236}">
                <a16:creationId xmlns:a16="http://schemas.microsoft.com/office/drawing/2014/main" id="{79930237-D57C-F45B-CA50-94798DABA743}"/>
              </a:ext>
            </a:extLst>
          </p:cNvPr>
          <p:cNvSpPr>
            <a:spLocks noGrp="1"/>
          </p:cNvSpPr>
          <p:nvPr>
            <p:ph type="sldNum" sz="quarter" idx="11"/>
          </p:nvPr>
        </p:nvSpPr>
        <p:spPr/>
        <p:txBody>
          <a:bodyPr/>
          <a:lstStyle/>
          <a:p>
            <a:pPr fontAlgn="base">
              <a:spcBef>
                <a:spcPct val="0"/>
              </a:spcBef>
              <a:spcAft>
                <a:spcPct val="0"/>
              </a:spcAft>
              <a:defRPr/>
            </a:pPr>
            <a:fld id="{247B0619-9F6E-41AA-AAFB-FC9846E0271E}" type="slidenum">
              <a:rPr lang="nb-NO">
                <a:solidFill>
                  <a:srgbClr val="A8FFC8"/>
                </a:solidFill>
              </a:rPr>
              <a:pPr fontAlgn="base">
                <a:spcBef>
                  <a:spcPct val="0"/>
                </a:spcBef>
                <a:spcAft>
                  <a:spcPct val="0"/>
                </a:spcAft>
                <a:defRPr/>
              </a:pPr>
              <a:t>18</a:t>
            </a:fld>
            <a:endParaRPr lang="nb-NO">
              <a:solidFill>
                <a:srgbClr val="A8FFC8"/>
              </a:solidFill>
            </a:endParaRPr>
          </a:p>
        </p:txBody>
      </p:sp>
      <p:sp>
        <p:nvSpPr>
          <p:cNvPr id="3" name="Plassholder for bunntekst 3">
            <a:extLst>
              <a:ext uri="{FF2B5EF4-FFF2-40B4-BE49-F238E27FC236}">
                <a16:creationId xmlns:a16="http://schemas.microsoft.com/office/drawing/2014/main" id="{35CBA583-AC9D-3345-99E6-9079B27423C5}"/>
              </a:ext>
            </a:extLst>
          </p:cNvPr>
          <p:cNvSpPr>
            <a:spLocks noGrp="1"/>
          </p:cNvSpPr>
          <p:nvPr>
            <p:ph type="ftr" sz="quarter" idx="10"/>
          </p:nvPr>
        </p:nvSpPr>
        <p:spPr bwMode="auto">
          <a:xfrm>
            <a:off x="3719514" y="6248400"/>
            <a:ext cx="4321175" cy="457200"/>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normAutofit fontScale="92500" lnSpcReduction="20000"/>
          </a:bodyPr>
          <a:lstStyle/>
          <a:p>
            <a:pPr fontAlgn="base">
              <a:spcBef>
                <a:spcPct val="0"/>
              </a:spcBef>
              <a:spcAft>
                <a:spcPts val="600"/>
              </a:spcAft>
              <a:defRPr/>
            </a:pPr>
            <a:r>
              <a:rPr lang="nb-NO">
                <a:solidFill>
                  <a:srgbClr val="00007D"/>
                </a:solidFill>
              </a:rPr>
              <a:t>NfN</a:t>
            </a:r>
          </a:p>
          <a:p>
            <a:pPr fontAlgn="base">
              <a:spcBef>
                <a:spcPct val="0"/>
              </a:spcBef>
              <a:spcAft>
                <a:spcPts val="600"/>
              </a:spcAft>
              <a:defRPr/>
            </a:pPr>
            <a:r>
              <a:rPr lang="nb-NO">
                <a:solidFill>
                  <a:srgbClr val="00007D"/>
                </a:solidFill>
              </a:rPr>
              <a:t>Norwegian </a:t>
            </a:r>
            <a:r>
              <a:rPr lang="nb-NO" err="1">
                <a:solidFill>
                  <a:srgbClr val="00007D"/>
                </a:solidFill>
              </a:rPr>
              <a:t>Facility</a:t>
            </a:r>
            <a:r>
              <a:rPr lang="nb-NO">
                <a:solidFill>
                  <a:srgbClr val="00007D"/>
                </a:solidFill>
              </a:rPr>
              <a:t> Management Network</a:t>
            </a:r>
          </a:p>
        </p:txBody>
      </p:sp>
      <p:graphicFrame>
        <p:nvGraphicFramePr>
          <p:cNvPr id="4" name="Content Placeholder 5">
            <a:extLst>
              <a:ext uri="{FF2B5EF4-FFF2-40B4-BE49-F238E27FC236}">
                <a16:creationId xmlns:a16="http://schemas.microsoft.com/office/drawing/2014/main" id="{BA441F81-9E9F-574E-8C5A-FF06B4ADE798}"/>
              </a:ext>
            </a:extLst>
          </p:cNvPr>
          <p:cNvGraphicFramePr>
            <a:graphicFrameLocks/>
          </p:cNvGraphicFramePr>
          <p:nvPr/>
        </p:nvGraphicFramePr>
        <p:xfrm>
          <a:off x="2063552" y="1578704"/>
          <a:ext cx="7704856" cy="1004932"/>
        </p:xfrm>
        <a:graphic>
          <a:graphicData uri="http://schemas.openxmlformats.org/drawingml/2006/table">
            <a:tbl>
              <a:tblPr firstRow="1" bandRow="1">
                <a:tableStyleId>{21E4AEA4-8DFA-4A89-87EB-49C32662AFE0}</a:tableStyleId>
              </a:tblPr>
              <a:tblGrid>
                <a:gridCol w="576064">
                  <a:extLst>
                    <a:ext uri="{9D8B030D-6E8A-4147-A177-3AD203B41FA5}">
                      <a16:colId xmlns:a16="http://schemas.microsoft.com/office/drawing/2014/main" val="115727247"/>
                    </a:ext>
                  </a:extLst>
                </a:gridCol>
                <a:gridCol w="4032448">
                  <a:extLst>
                    <a:ext uri="{9D8B030D-6E8A-4147-A177-3AD203B41FA5}">
                      <a16:colId xmlns:a16="http://schemas.microsoft.com/office/drawing/2014/main" val="2896210780"/>
                    </a:ext>
                  </a:extLst>
                </a:gridCol>
                <a:gridCol w="1224136">
                  <a:extLst>
                    <a:ext uri="{9D8B030D-6E8A-4147-A177-3AD203B41FA5}">
                      <a16:colId xmlns:a16="http://schemas.microsoft.com/office/drawing/2014/main" val="4041463873"/>
                    </a:ext>
                  </a:extLst>
                </a:gridCol>
                <a:gridCol w="936104">
                  <a:extLst>
                    <a:ext uri="{9D8B030D-6E8A-4147-A177-3AD203B41FA5}">
                      <a16:colId xmlns:a16="http://schemas.microsoft.com/office/drawing/2014/main" val="3331224947"/>
                    </a:ext>
                  </a:extLst>
                </a:gridCol>
                <a:gridCol w="936104">
                  <a:extLst>
                    <a:ext uri="{9D8B030D-6E8A-4147-A177-3AD203B41FA5}">
                      <a16:colId xmlns:a16="http://schemas.microsoft.com/office/drawing/2014/main" val="2479964604"/>
                    </a:ext>
                  </a:extLst>
                </a:gridCol>
              </a:tblGrid>
              <a:tr h="298564">
                <a:tc>
                  <a:txBody>
                    <a:bodyPr/>
                    <a:lstStyle/>
                    <a:p>
                      <a:r>
                        <a:rPr lang="nb-NO" sz="1200" b="1" i="0" kern="1200" noProof="0">
                          <a:solidFill>
                            <a:schemeClr val="tx1"/>
                          </a:solidFill>
                          <a:effectLst/>
                          <a:latin typeface="+mn-lt"/>
                          <a:cs typeface="Times New Roman" panose="02020603050405020304" pitchFamily="18" charset="0"/>
                        </a:rPr>
                        <a:t>Dato</a:t>
                      </a:r>
                    </a:p>
                  </a:txBody>
                  <a:tcPr/>
                </a:tc>
                <a:tc>
                  <a:txBody>
                    <a:bodyPr/>
                    <a:lstStyle/>
                    <a:p>
                      <a:r>
                        <a:rPr lang="nb-NO" sz="1200" b="1" i="0" kern="1200" noProof="0">
                          <a:solidFill>
                            <a:schemeClr val="tx1"/>
                          </a:solidFill>
                          <a:effectLst/>
                          <a:latin typeface="+mn-lt"/>
                          <a:cs typeface="Times New Roman" panose="02020603050405020304" pitchFamily="18" charset="0"/>
                        </a:rPr>
                        <a:t>Tema</a:t>
                      </a:r>
                    </a:p>
                  </a:txBody>
                  <a:tcPr/>
                </a:tc>
                <a:tc>
                  <a:txBody>
                    <a:bodyPr/>
                    <a:lstStyle/>
                    <a:p>
                      <a:r>
                        <a:rPr lang="nb-NO" sz="1200" b="1" i="0" kern="1200" noProof="0">
                          <a:solidFill>
                            <a:schemeClr val="tx1"/>
                          </a:solidFill>
                          <a:effectLst/>
                          <a:latin typeface="+mn-lt"/>
                          <a:cs typeface="Times New Roman" panose="02020603050405020304" pitchFamily="18" charset="0"/>
                        </a:rPr>
                        <a:t>Bidragsytere</a:t>
                      </a:r>
                    </a:p>
                  </a:txBody>
                  <a:tcPr/>
                </a:tc>
                <a:tc>
                  <a:txBody>
                    <a:bodyPr/>
                    <a:lstStyle/>
                    <a:p>
                      <a:r>
                        <a:rPr lang="nb-NO" sz="1200" b="1" i="0" kern="1200" noProof="0">
                          <a:solidFill>
                            <a:schemeClr val="tx1"/>
                          </a:solidFill>
                          <a:effectLst/>
                          <a:latin typeface="+mn-lt"/>
                          <a:cs typeface="Times New Roman" panose="02020603050405020304" pitchFamily="18" charset="0"/>
                        </a:rPr>
                        <a:t>Møteform </a:t>
                      </a:r>
                    </a:p>
                  </a:txBody>
                  <a:tcPr/>
                </a:tc>
                <a:tc>
                  <a:txBody>
                    <a:bodyPr/>
                    <a:lstStyle/>
                    <a:p>
                      <a:r>
                        <a:rPr lang="nb-NO" sz="1200" b="1" i="0" kern="1200" noProof="0">
                          <a:solidFill>
                            <a:schemeClr val="tx1"/>
                          </a:solidFill>
                          <a:effectLst/>
                          <a:latin typeface="+mn-lt"/>
                          <a:cs typeface="Times New Roman" panose="02020603050405020304" pitchFamily="18" charset="0"/>
                        </a:rPr>
                        <a:t>Deltakere </a:t>
                      </a:r>
                    </a:p>
                  </a:txBody>
                  <a:tcPr/>
                </a:tc>
                <a:extLst>
                  <a:ext uri="{0D108BD9-81ED-4DB2-BD59-A6C34878D82A}">
                    <a16:rowId xmlns:a16="http://schemas.microsoft.com/office/drawing/2014/main" val="79887822"/>
                  </a:ext>
                </a:extLst>
              </a:tr>
              <a:tr h="43204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0" i="0" noProof="0">
                          <a:effectLst/>
                          <a:latin typeface="+mn-lt"/>
                          <a:cs typeface="Times New Roman" panose="02020603050405020304" pitchFamily="18" charset="0"/>
                        </a:rPr>
                        <a:t>14.05</a:t>
                      </a:r>
                      <a:endParaRPr lang="nb-NO" sz="1200" b="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noProof="0">
                          <a:latin typeface="+mn-lt"/>
                        </a:rPr>
                        <a:t>Arbeidsmiljøtilstanden i Norge</a:t>
                      </a:r>
                    </a:p>
                  </a:txBody>
                  <a:tcPr/>
                </a:tc>
                <a:tc>
                  <a:txBody>
                    <a:bodyPr/>
                    <a:lstStyle/>
                    <a:p>
                      <a:r>
                        <a:rPr lang="en-US" sz="1200" i="0" noProof="0">
                          <a:latin typeface="+mn-lt"/>
                        </a:rPr>
                        <a:t>STAMI</a:t>
                      </a:r>
                      <a:endParaRPr lang="nb-NO" sz="1200" i="0" noProof="0">
                        <a:latin typeface="+mn-lt"/>
                      </a:endParaRPr>
                    </a:p>
                  </a:txBody>
                  <a:tcPr/>
                </a:tc>
                <a:tc>
                  <a:txBody>
                    <a:bodyPr/>
                    <a:lstStyle/>
                    <a:p>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noProof="0">
                          <a:latin typeface="+mn-lt"/>
                        </a:rPr>
                        <a:t>4</a:t>
                      </a:r>
                      <a:r>
                        <a:rPr lang="nb-NO" sz="1200" b="0" i="0" noProof="0">
                          <a:latin typeface="+mn-lt"/>
                        </a:rPr>
                        <a:t>1</a:t>
                      </a:r>
                      <a:endParaRPr lang="nb-NO" sz="1200" i="0" noProof="0">
                        <a:latin typeface="+mn-lt"/>
                      </a:endParaRPr>
                    </a:p>
                  </a:txBody>
                  <a:tcPr/>
                </a:tc>
                <a:extLst>
                  <a:ext uri="{0D108BD9-81ED-4DB2-BD59-A6C34878D82A}">
                    <a16:rowId xmlns:a16="http://schemas.microsoft.com/office/drawing/2014/main" val="266710608"/>
                  </a:ext>
                </a:extLst>
              </a:tr>
              <a:tr h="166648">
                <a:tc>
                  <a:txBody>
                    <a:bodyPr/>
                    <a:lstStyle/>
                    <a:p>
                      <a:r>
                        <a:rPr lang="nb-NO" sz="1200" i="0" noProof="0">
                          <a:effectLst/>
                          <a:latin typeface="+mn-lt"/>
                          <a:cs typeface="Times New Roman" panose="02020603050405020304" pitchFamily="18" charset="0"/>
                        </a:rPr>
                        <a:t>14.10</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b="1" noProof="0">
                          <a:latin typeface="+mn-lt"/>
                        </a:rPr>
                        <a:t>Gjennomgang av If Nordisk Helserapport 2025</a:t>
                      </a:r>
                    </a:p>
                  </a:txBody>
                  <a:tcPr/>
                </a:tc>
                <a:tc>
                  <a:txBody>
                    <a:bodyPr/>
                    <a:lstStyle/>
                    <a:p>
                      <a:r>
                        <a:rPr lang="en-US" sz="1200" i="0" noProof="0">
                          <a:latin typeface="+mn-lt"/>
                        </a:rPr>
                        <a:t>If</a:t>
                      </a:r>
                      <a:endParaRPr lang="nb-NO" sz="1200" i="0" noProof="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200" i="0" noProof="0">
                          <a:effectLst/>
                          <a:latin typeface="+mn-lt"/>
                          <a:ea typeface="Aptos" panose="020B0004020202020204" pitchFamily="34" charset="0"/>
                          <a:cs typeface="Times New Roman" panose="02020603050405020304" pitchFamily="18" charset="0"/>
                        </a:rPr>
                        <a:t>Digital</a:t>
                      </a:r>
                      <a:endParaRPr lang="nb-NO" sz="1200" i="0" noProof="0">
                        <a:latin typeface="+mn-lt"/>
                      </a:endParaRPr>
                    </a:p>
                  </a:txBody>
                  <a:tcPr/>
                </a:tc>
                <a:tc>
                  <a:txBody>
                    <a:bodyPr/>
                    <a:lstStyle/>
                    <a:p>
                      <a:r>
                        <a:rPr lang="en-US" sz="1200" i="0" noProof="0">
                          <a:latin typeface="+mn-lt"/>
                        </a:rPr>
                        <a:t>6</a:t>
                      </a:r>
                      <a:r>
                        <a:rPr lang="nb-NO" sz="1200" i="0" noProof="0">
                          <a:latin typeface="+mn-lt"/>
                        </a:rPr>
                        <a:t>2</a:t>
                      </a:r>
                    </a:p>
                  </a:txBody>
                  <a:tcPr/>
                </a:tc>
                <a:extLst>
                  <a:ext uri="{0D108BD9-81ED-4DB2-BD59-A6C34878D82A}">
                    <a16:rowId xmlns:a16="http://schemas.microsoft.com/office/drawing/2014/main" val="2181493237"/>
                  </a:ext>
                </a:extLst>
              </a:tr>
            </a:tbl>
          </a:graphicData>
        </a:graphic>
      </p:graphicFrame>
      <p:sp>
        <p:nvSpPr>
          <p:cNvPr id="7" name="Title 1">
            <a:extLst>
              <a:ext uri="{FF2B5EF4-FFF2-40B4-BE49-F238E27FC236}">
                <a16:creationId xmlns:a16="http://schemas.microsoft.com/office/drawing/2014/main" id="{E1C881CA-CB20-2C9D-A7E4-19DB8CE89E48}"/>
              </a:ext>
            </a:extLst>
          </p:cNvPr>
          <p:cNvSpPr txBox="1">
            <a:spLocks/>
          </p:cNvSpPr>
          <p:nvPr/>
        </p:nvSpPr>
        <p:spPr bwMode="auto">
          <a:xfrm>
            <a:off x="2005042" y="4653137"/>
            <a:ext cx="8229600" cy="432048"/>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rtl="0" eaLnBrk="0" fontAlgn="base" hangingPunct="0">
              <a:spcBef>
                <a:spcPct val="0"/>
              </a:spcBef>
              <a:spcAft>
                <a:spcPct val="0"/>
              </a:spcAft>
              <a:defRPr sz="4400">
                <a:solidFill>
                  <a:schemeClr val="tx1"/>
                </a:solidFill>
                <a:latin typeface="+mj-lt"/>
                <a:ea typeface="+mj-ea"/>
                <a:cs typeface="+mj-cs"/>
              </a:defRPr>
            </a:lvl1pPr>
            <a:lvl2pPr algn="l" rtl="0" eaLnBrk="0" fontAlgn="base" hangingPunct="0">
              <a:spcBef>
                <a:spcPct val="0"/>
              </a:spcBef>
              <a:spcAft>
                <a:spcPct val="0"/>
              </a:spcAft>
              <a:defRPr sz="4400">
                <a:solidFill>
                  <a:schemeClr val="tx1"/>
                </a:solidFill>
                <a:latin typeface="Arial" charset="0"/>
              </a:defRPr>
            </a:lvl2pPr>
            <a:lvl3pPr algn="l" rtl="0" eaLnBrk="0" fontAlgn="base" hangingPunct="0">
              <a:spcBef>
                <a:spcPct val="0"/>
              </a:spcBef>
              <a:spcAft>
                <a:spcPct val="0"/>
              </a:spcAft>
              <a:defRPr sz="4400">
                <a:solidFill>
                  <a:schemeClr val="tx1"/>
                </a:solidFill>
                <a:latin typeface="Arial" charset="0"/>
              </a:defRPr>
            </a:lvl3pPr>
            <a:lvl4pPr algn="l" rtl="0" eaLnBrk="0" fontAlgn="base" hangingPunct="0">
              <a:spcBef>
                <a:spcPct val="0"/>
              </a:spcBef>
              <a:spcAft>
                <a:spcPct val="0"/>
              </a:spcAft>
              <a:defRPr sz="4400">
                <a:solidFill>
                  <a:schemeClr val="tx1"/>
                </a:solidFill>
                <a:latin typeface="Arial" charset="0"/>
              </a:defRPr>
            </a:lvl4pPr>
            <a:lvl5pPr algn="l" rtl="0" eaLnBrk="0" fontAlgn="base" hangingPunct="0">
              <a:spcBef>
                <a:spcPct val="0"/>
              </a:spcBef>
              <a:spcAft>
                <a:spcPct val="0"/>
              </a:spcAft>
              <a:defRPr sz="4400">
                <a:solidFill>
                  <a:schemeClr val="tx1"/>
                </a:solidFill>
                <a:latin typeface="Arial" charset="0"/>
              </a:defRPr>
            </a:lvl5pPr>
            <a:lvl6pPr marL="457200" algn="l" rtl="0" fontAlgn="base">
              <a:spcBef>
                <a:spcPct val="0"/>
              </a:spcBef>
              <a:spcAft>
                <a:spcPct val="0"/>
              </a:spcAft>
              <a:defRPr sz="4400">
                <a:solidFill>
                  <a:schemeClr val="tx1"/>
                </a:solidFill>
                <a:latin typeface="Arial" charset="0"/>
              </a:defRPr>
            </a:lvl6pPr>
            <a:lvl7pPr marL="914400" algn="l" rtl="0" fontAlgn="base">
              <a:spcBef>
                <a:spcPct val="0"/>
              </a:spcBef>
              <a:spcAft>
                <a:spcPct val="0"/>
              </a:spcAft>
              <a:defRPr sz="4400">
                <a:solidFill>
                  <a:schemeClr val="tx1"/>
                </a:solidFill>
                <a:latin typeface="Arial" charset="0"/>
              </a:defRPr>
            </a:lvl7pPr>
            <a:lvl8pPr marL="1371600" algn="l" rtl="0" fontAlgn="base">
              <a:spcBef>
                <a:spcPct val="0"/>
              </a:spcBef>
              <a:spcAft>
                <a:spcPct val="0"/>
              </a:spcAft>
              <a:defRPr sz="4400">
                <a:solidFill>
                  <a:schemeClr val="tx1"/>
                </a:solidFill>
                <a:latin typeface="Arial" charset="0"/>
              </a:defRPr>
            </a:lvl8pPr>
            <a:lvl9pPr marL="1828800" algn="l" rtl="0" fontAlgn="base">
              <a:spcBef>
                <a:spcPct val="0"/>
              </a:spcBef>
              <a:spcAft>
                <a:spcPct val="0"/>
              </a:spcAft>
              <a:defRPr sz="4400">
                <a:solidFill>
                  <a:schemeClr val="tx1"/>
                </a:solidFill>
                <a:latin typeface="Arial" charset="0"/>
              </a:defRPr>
            </a:lvl9pPr>
          </a:lstStyle>
          <a:p>
            <a:endParaRPr lang="nb-NO" kern="0">
              <a:solidFill>
                <a:srgbClr val="000000"/>
              </a:solidFill>
              <a:latin typeface="Arial"/>
            </a:endParaRPr>
          </a:p>
        </p:txBody>
      </p:sp>
    </p:spTree>
    <p:extLst>
      <p:ext uri="{BB962C8B-B14F-4D97-AF65-F5344CB8AC3E}">
        <p14:creationId xmlns:p14="http://schemas.microsoft.com/office/powerpoint/2010/main" val="327716159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6BEE09-AD53-BE47-9759-65FDA675E9C8}"/>
              </a:ext>
            </a:extLst>
          </p:cNvPr>
          <p:cNvSpPr>
            <a:spLocks noGrp="1"/>
          </p:cNvSpPr>
          <p:nvPr>
            <p:ph type="title"/>
          </p:nvPr>
        </p:nvSpPr>
        <p:spPr>
          <a:xfrm>
            <a:off x="1981200" y="914400"/>
            <a:ext cx="8229600" cy="914400"/>
          </a:xfrm>
        </p:spPr>
        <p:txBody>
          <a:bodyPr wrap="square" anchor="ctr">
            <a:normAutofit/>
          </a:bodyPr>
          <a:lstStyle/>
          <a:p>
            <a:r>
              <a:rPr lang="nb-NO" sz="2400" b="1"/>
              <a:t>Innhold</a:t>
            </a:r>
          </a:p>
        </p:txBody>
      </p:sp>
      <p:pic>
        <p:nvPicPr>
          <p:cNvPr id="10" name="Content Placeholder 9" descr="A group of people around a table&#10;&#10;Description automatically generated">
            <a:extLst>
              <a:ext uri="{FF2B5EF4-FFF2-40B4-BE49-F238E27FC236}">
                <a16:creationId xmlns:a16="http://schemas.microsoft.com/office/drawing/2014/main" id="{8970A8CA-7397-96A2-492B-7B1742E6EA86}"/>
              </a:ext>
            </a:extLst>
          </p:cNvPr>
          <p:cNvPicPr>
            <a:picLocks noGrp="1" noChangeAspect="1"/>
          </p:cNvPicPr>
          <p:nvPr>
            <p:ph sz="half" idx="1"/>
          </p:nvPr>
        </p:nvPicPr>
        <p:blipFill>
          <a:blip r:embed="rId2" cstate="print">
            <a:extLst>
              <a:ext uri="{28A0092B-C50C-407E-A947-70E740481C1C}">
                <a14:useLocalDpi xmlns:a14="http://schemas.microsoft.com/office/drawing/2010/main" val="0"/>
              </a:ext>
            </a:extLst>
          </a:blip>
          <a:srcRect l="8276" r="22356"/>
          <a:stretch/>
        </p:blipFill>
        <p:spPr>
          <a:xfrm>
            <a:off x="1981200" y="1981200"/>
            <a:ext cx="4038600" cy="3886200"/>
          </a:xfrm>
          <a:noFill/>
        </p:spPr>
      </p:pic>
      <p:sp>
        <p:nvSpPr>
          <p:cNvPr id="3" name="Content Placeholder 2">
            <a:extLst>
              <a:ext uri="{FF2B5EF4-FFF2-40B4-BE49-F238E27FC236}">
                <a16:creationId xmlns:a16="http://schemas.microsoft.com/office/drawing/2014/main" id="{FC3E28A7-63F9-EA42-4EC6-72A640A5CCE4}"/>
              </a:ext>
            </a:extLst>
          </p:cNvPr>
          <p:cNvSpPr>
            <a:spLocks noGrp="1"/>
          </p:cNvSpPr>
          <p:nvPr>
            <p:ph sz="half" idx="2"/>
          </p:nvPr>
        </p:nvSpPr>
        <p:spPr>
          <a:xfrm>
            <a:off x="6172200" y="1893536"/>
            <a:ext cx="4038600" cy="4354863"/>
          </a:xfrm>
        </p:spPr>
        <p:txBody>
          <a:bodyPr wrap="square" anchor="t">
            <a:normAutofit/>
          </a:bodyPr>
          <a:lstStyle/>
          <a:p>
            <a:r>
              <a:rPr lang="nb-NO" sz="2000" dirty="0"/>
              <a:t>Om NfN</a:t>
            </a:r>
          </a:p>
          <a:p>
            <a:r>
              <a:rPr lang="nb-NO" sz="2000" dirty="0"/>
              <a:t>Styret</a:t>
            </a:r>
          </a:p>
          <a:p>
            <a:r>
              <a:rPr lang="nb-NO" sz="2000" dirty="0"/>
              <a:t>Administrasjonen</a:t>
            </a:r>
          </a:p>
          <a:p>
            <a:r>
              <a:rPr lang="nb-NO" sz="2000" dirty="0"/>
              <a:t>Valgkomité og revisor</a:t>
            </a:r>
          </a:p>
          <a:p>
            <a:r>
              <a:rPr lang="nb-NO" sz="2000" dirty="0"/>
              <a:t>Medlemsaktiviteter 2025</a:t>
            </a:r>
          </a:p>
          <a:p>
            <a:r>
              <a:rPr lang="nb-NO" sz="2000" dirty="0"/>
              <a:t>NfN sykehus</a:t>
            </a:r>
          </a:p>
          <a:p>
            <a:r>
              <a:rPr lang="nb-NO" sz="2000" dirty="0" err="1"/>
              <a:t>NfNs</a:t>
            </a:r>
            <a:r>
              <a:rPr lang="nb-NO" sz="2000" dirty="0"/>
              <a:t> Programkomiteer i 2025</a:t>
            </a:r>
          </a:p>
          <a:p>
            <a:r>
              <a:rPr lang="nb-NO" sz="2000" dirty="0"/>
              <a:t>Oppdateringer i </a:t>
            </a:r>
            <a:r>
              <a:rPr lang="nb-NO" sz="2000" dirty="0" err="1"/>
              <a:t>NfNs</a:t>
            </a:r>
            <a:r>
              <a:rPr lang="nb-NO" sz="2000" dirty="0"/>
              <a:t> programkomiteer 2025</a:t>
            </a:r>
          </a:p>
          <a:p>
            <a:r>
              <a:rPr lang="nb-NO" sz="2000" dirty="0"/>
              <a:t>Økonomi</a:t>
            </a:r>
          </a:p>
          <a:p>
            <a:r>
              <a:rPr lang="nb-NO" sz="2000" dirty="0"/>
              <a:t>Vedlegg: Medlemsaktiviteter fordelt på nettverk</a:t>
            </a:r>
          </a:p>
        </p:txBody>
      </p:sp>
      <p:sp>
        <p:nvSpPr>
          <p:cNvPr id="5" name="Footer Placeholder 4">
            <a:extLst>
              <a:ext uri="{FF2B5EF4-FFF2-40B4-BE49-F238E27FC236}">
                <a16:creationId xmlns:a16="http://schemas.microsoft.com/office/drawing/2014/main" id="{2EFB97BF-D81E-CAA8-44E6-162D55934C5D}"/>
              </a:ext>
            </a:extLst>
          </p:cNvPr>
          <p:cNvSpPr>
            <a:spLocks noGrp="1"/>
          </p:cNvSpPr>
          <p:nvPr>
            <p:ph type="ftr" sz="quarter" idx="10"/>
          </p:nvPr>
        </p:nvSpPr>
        <p:spPr>
          <a:xfrm>
            <a:off x="3719514" y="6248400"/>
            <a:ext cx="4321175" cy="457200"/>
          </a:xfrm>
        </p:spPr>
        <p:txBody>
          <a:bodyPr wrap="square" anchor="b">
            <a:normAutofit/>
          </a:bodyPr>
          <a:lstStyle/>
          <a:p>
            <a:pPr>
              <a:spcAft>
                <a:spcPts val="600"/>
              </a:spcAft>
              <a:defRPr/>
            </a:pPr>
            <a:r>
              <a:rPr lang="nb-NO" noProof="0"/>
              <a:t>NfN - NORSK NETTVERK FOR NÆRINGSEIENDOM</a:t>
            </a:r>
            <a:r>
              <a:rPr lang="nb-NO" b="0" noProof="0"/>
              <a:t> </a:t>
            </a:r>
            <a:r>
              <a:rPr lang="nb-NO" noProof="0"/>
              <a:t>Norwegian </a:t>
            </a:r>
            <a:r>
              <a:rPr lang="nb-NO" noProof="0" err="1"/>
              <a:t>Facility</a:t>
            </a:r>
            <a:r>
              <a:rPr lang="nb-NO" noProof="0"/>
              <a:t> Management Network</a:t>
            </a:r>
          </a:p>
        </p:txBody>
      </p:sp>
      <p:sp>
        <p:nvSpPr>
          <p:cNvPr id="6" name="Slide Number Placeholder 5">
            <a:extLst>
              <a:ext uri="{FF2B5EF4-FFF2-40B4-BE49-F238E27FC236}">
                <a16:creationId xmlns:a16="http://schemas.microsoft.com/office/drawing/2014/main" id="{5A93731D-5BCC-FBC2-B3C5-B4712EA104CC}"/>
              </a:ext>
            </a:extLst>
          </p:cNvPr>
          <p:cNvSpPr>
            <a:spLocks noGrp="1"/>
          </p:cNvSpPr>
          <p:nvPr>
            <p:ph type="sldNum" sz="quarter" idx="11"/>
          </p:nvPr>
        </p:nvSpPr>
        <p:spPr>
          <a:xfrm>
            <a:off x="8759826" y="6248400"/>
            <a:ext cx="1450975" cy="457200"/>
          </a:xfrm>
        </p:spPr>
        <p:txBody>
          <a:bodyPr wrap="square" anchor="b">
            <a:normAutofit/>
          </a:bodyPr>
          <a:lstStyle/>
          <a:p>
            <a:pPr>
              <a:spcAft>
                <a:spcPts val="600"/>
              </a:spcAft>
              <a:defRPr/>
            </a:pPr>
            <a:fld id="{F0BA6984-9ACB-4E76-B1C8-DF4CEFE456E6}" type="slidenum">
              <a:rPr lang="nb-NO" noProof="0" smtClean="0"/>
              <a:pPr>
                <a:spcAft>
                  <a:spcPts val="600"/>
                </a:spcAft>
                <a:defRPr/>
              </a:pPr>
              <a:t>2</a:t>
            </a:fld>
            <a:endParaRPr lang="nb-NO" noProof="0"/>
          </a:p>
        </p:txBody>
      </p:sp>
    </p:spTree>
    <p:extLst>
      <p:ext uri="{BB962C8B-B14F-4D97-AF65-F5344CB8AC3E}">
        <p14:creationId xmlns:p14="http://schemas.microsoft.com/office/powerpoint/2010/main" val="11986822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4395920-D72D-1848-7FB0-2AA9ED85EE42}"/>
              </a:ext>
            </a:extLst>
          </p:cNvPr>
          <p:cNvSpPr>
            <a:spLocks noGrp="1"/>
          </p:cNvSpPr>
          <p:nvPr>
            <p:ph type="title"/>
          </p:nvPr>
        </p:nvSpPr>
        <p:spPr/>
        <p:txBody>
          <a:bodyPr/>
          <a:lstStyle/>
          <a:p>
            <a:r>
              <a:rPr lang="nb-NO" sz="2400" b="1" dirty="0"/>
              <a:t>NfN – Norges største nettverk for </a:t>
            </a:r>
            <a:r>
              <a:rPr lang="nb-NO" sz="2400" b="1" dirty="0" err="1"/>
              <a:t>Facility</a:t>
            </a:r>
            <a:r>
              <a:rPr lang="nb-NO" sz="2400" b="1" dirty="0"/>
              <a:t> Management</a:t>
            </a:r>
          </a:p>
        </p:txBody>
      </p:sp>
      <p:sp>
        <p:nvSpPr>
          <p:cNvPr id="4" name="Content Placeholder 3">
            <a:extLst>
              <a:ext uri="{FF2B5EF4-FFF2-40B4-BE49-F238E27FC236}">
                <a16:creationId xmlns:a16="http://schemas.microsoft.com/office/drawing/2014/main" id="{282E37DA-3BA6-1694-D6F3-01E3211AC2D1}"/>
              </a:ext>
            </a:extLst>
          </p:cNvPr>
          <p:cNvSpPr>
            <a:spLocks noGrp="1"/>
          </p:cNvSpPr>
          <p:nvPr>
            <p:ph idx="1"/>
          </p:nvPr>
        </p:nvSpPr>
        <p:spPr>
          <a:xfrm>
            <a:off x="1981201" y="1981200"/>
            <a:ext cx="4321175" cy="3886200"/>
          </a:xfrm>
        </p:spPr>
        <p:txBody>
          <a:bodyPr/>
          <a:lstStyle/>
          <a:p>
            <a:pPr marL="0" indent="0">
              <a:buNone/>
            </a:pPr>
            <a:r>
              <a:rPr lang="nb-NO" sz="1500" dirty="0"/>
              <a:t>NfN har vært en aktiv aktør innenfor fagområdet </a:t>
            </a:r>
            <a:r>
              <a:rPr lang="nb-NO" sz="1500" dirty="0" err="1"/>
              <a:t>Facility</a:t>
            </a:r>
            <a:r>
              <a:rPr lang="nb-NO" sz="1500" dirty="0"/>
              <a:t> Management siden 1992, og har i alle årene fra da, vært en sentral bidragsyter for å dele og utvikle kompetanser og erfaring innen FM.</a:t>
            </a:r>
          </a:p>
          <a:p>
            <a:pPr marL="0" indent="0">
              <a:buNone/>
            </a:pPr>
            <a:endParaRPr lang="nb-NO" sz="1500" dirty="0"/>
          </a:p>
          <a:p>
            <a:pPr marL="0" indent="0">
              <a:buNone/>
            </a:pPr>
            <a:r>
              <a:rPr lang="nb-NO" sz="1500" dirty="0"/>
              <a:t>Den faglige bredden av medlemsbedrifter, sikrer samtidig en mer forståelig og forutsigbar utvikling og konkurranse i bransjen. I dag samler NfN 64 medlemsbedrifter. Alle disse er viktige aktører innenfor FM-bransjen.</a:t>
            </a:r>
          </a:p>
          <a:p>
            <a:pPr marL="0" indent="0">
              <a:buNone/>
            </a:pPr>
            <a:endParaRPr lang="nb-NO" sz="1500" dirty="0"/>
          </a:p>
          <a:p>
            <a:pPr marL="0" indent="0">
              <a:buNone/>
            </a:pPr>
            <a:r>
              <a:rPr lang="nb-NO" sz="1500" dirty="0"/>
              <a:t>NfN har ved utgangen av 2025 64 betalende bedriftsmedlemmer med aktivt medlemskap. Dette er en nedgang på tre medlemsbedrifter siden utgangen av 2024.</a:t>
            </a:r>
          </a:p>
          <a:p>
            <a:endParaRPr lang="nb-NO" noProof="0" dirty="0"/>
          </a:p>
        </p:txBody>
      </p:sp>
      <p:sp>
        <p:nvSpPr>
          <p:cNvPr id="3" name="Plassholder for bunntekst 3">
            <a:extLst>
              <a:ext uri="{FF2B5EF4-FFF2-40B4-BE49-F238E27FC236}">
                <a16:creationId xmlns:a16="http://schemas.microsoft.com/office/drawing/2014/main" id="{CF899F6E-7D61-0E4E-5F70-4B1C75EE7E56}"/>
              </a:ext>
            </a:extLst>
          </p:cNvPr>
          <p:cNvSpPr>
            <a:spLocks noGrp="1"/>
          </p:cNvSpPr>
          <p:nvPr>
            <p:ph type="ftr" sz="quarter" idx="10"/>
          </p:nvPr>
        </p:nvSpPr>
        <p:spPr bwMode="auto">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normAutofit fontScale="92500" lnSpcReduction="20000"/>
          </a:bodyPr>
          <a:lstStyle/>
          <a:p>
            <a:pPr fontAlgn="base">
              <a:spcBef>
                <a:spcPct val="0"/>
              </a:spcBef>
              <a:spcAft>
                <a:spcPts val="600"/>
              </a:spcAft>
              <a:defRPr/>
            </a:pPr>
            <a:r>
              <a:rPr lang="nb-NO">
                <a:solidFill>
                  <a:srgbClr val="00007D"/>
                </a:solidFill>
              </a:rPr>
              <a:t>NfN</a:t>
            </a:r>
          </a:p>
          <a:p>
            <a:pPr fontAlgn="base">
              <a:spcBef>
                <a:spcPct val="0"/>
              </a:spcBef>
              <a:spcAft>
                <a:spcPts val="600"/>
              </a:spcAft>
              <a:defRPr/>
            </a:pPr>
            <a:r>
              <a:rPr lang="nb-NO">
                <a:solidFill>
                  <a:srgbClr val="00007D"/>
                </a:solidFill>
              </a:rPr>
              <a:t>Norwegian </a:t>
            </a:r>
            <a:r>
              <a:rPr lang="nb-NO" err="1">
                <a:solidFill>
                  <a:srgbClr val="00007D"/>
                </a:solidFill>
              </a:rPr>
              <a:t>Facility</a:t>
            </a:r>
            <a:r>
              <a:rPr lang="nb-NO">
                <a:solidFill>
                  <a:srgbClr val="00007D"/>
                </a:solidFill>
              </a:rPr>
              <a:t> Management Network</a:t>
            </a:r>
          </a:p>
        </p:txBody>
      </p:sp>
      <p:sp>
        <p:nvSpPr>
          <p:cNvPr id="5" name="Plassholder for lysbildenummer 4">
            <a:extLst>
              <a:ext uri="{FF2B5EF4-FFF2-40B4-BE49-F238E27FC236}">
                <a16:creationId xmlns:a16="http://schemas.microsoft.com/office/drawing/2014/main" id="{39DE9444-431C-4299-8C68-2445C1636C42}"/>
              </a:ext>
            </a:extLst>
          </p:cNvPr>
          <p:cNvSpPr>
            <a:spLocks noGrp="1"/>
          </p:cNvSpPr>
          <p:nvPr>
            <p:ph type="sldNum" sz="quarter" idx="11"/>
          </p:nvPr>
        </p:nvSpPr>
        <p:spPr bwMode="auto">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normAutofit/>
          </a:bodyPr>
          <a:lstStyle/>
          <a:p>
            <a:pPr fontAlgn="base">
              <a:spcBef>
                <a:spcPct val="0"/>
              </a:spcBef>
              <a:spcAft>
                <a:spcPts val="600"/>
              </a:spcAft>
              <a:defRPr/>
            </a:pPr>
            <a:fld id="{247B0619-9F6E-41AA-AAFB-FC9846E0271E}" type="slidenum">
              <a:rPr lang="nb-NO">
                <a:solidFill>
                  <a:srgbClr val="A8FFC8"/>
                </a:solidFill>
              </a:rPr>
              <a:pPr fontAlgn="base">
                <a:spcBef>
                  <a:spcPct val="0"/>
                </a:spcBef>
                <a:spcAft>
                  <a:spcPts val="600"/>
                </a:spcAft>
                <a:defRPr/>
              </a:pPr>
              <a:t>3</a:t>
            </a:fld>
            <a:endParaRPr lang="nb-NO">
              <a:solidFill>
                <a:srgbClr val="A8FFC8"/>
              </a:solidFill>
            </a:endParaRPr>
          </a:p>
        </p:txBody>
      </p:sp>
      <p:graphicFrame>
        <p:nvGraphicFramePr>
          <p:cNvPr id="8" name="Table 7">
            <a:extLst>
              <a:ext uri="{FF2B5EF4-FFF2-40B4-BE49-F238E27FC236}">
                <a16:creationId xmlns:a16="http://schemas.microsoft.com/office/drawing/2014/main" id="{2A9DF5FD-52EC-183A-E4F4-21EA298FCA59}"/>
              </a:ext>
            </a:extLst>
          </p:cNvPr>
          <p:cNvGraphicFramePr>
            <a:graphicFrameLocks noGrp="1"/>
          </p:cNvGraphicFramePr>
          <p:nvPr/>
        </p:nvGraphicFramePr>
        <p:xfrm>
          <a:off x="6888088" y="1981200"/>
          <a:ext cx="3096344" cy="3877378"/>
        </p:xfrm>
        <a:graphic>
          <a:graphicData uri="http://schemas.openxmlformats.org/drawingml/2006/table">
            <a:tbl>
              <a:tblPr firstRow="1" bandRow="1">
                <a:tableStyleId>{C083E6E3-FA7D-4D7B-A595-EF9225AFEA82}</a:tableStyleId>
              </a:tblPr>
              <a:tblGrid>
                <a:gridCol w="3096344">
                  <a:extLst>
                    <a:ext uri="{9D8B030D-6E8A-4147-A177-3AD203B41FA5}">
                      <a16:colId xmlns:a16="http://schemas.microsoft.com/office/drawing/2014/main" val="1832590932"/>
                    </a:ext>
                  </a:extLst>
                </a:gridCol>
              </a:tblGrid>
              <a:tr h="693761">
                <a:tc>
                  <a:txBody>
                    <a:bodyPr/>
                    <a:lstStyle/>
                    <a:p>
                      <a:pPr algn="l"/>
                      <a:r>
                        <a:rPr lang="nb-NO" sz="1300" b="1" i="1" noProof="0">
                          <a:solidFill>
                            <a:schemeClr val="tx1"/>
                          </a:solidFill>
                        </a:rPr>
                        <a:t>VISJON</a:t>
                      </a:r>
                    </a:p>
                    <a:p>
                      <a:pPr algn="l"/>
                      <a:r>
                        <a:rPr lang="nb-NO" sz="1300" b="0" noProof="0">
                          <a:solidFill>
                            <a:schemeClr val="tx1"/>
                          </a:solidFill>
                        </a:rPr>
                        <a:t>NfN skal være den fremste arenaen for beste praksiser innen FM i Norge</a:t>
                      </a:r>
                    </a:p>
                    <a:p>
                      <a:pPr algn="l"/>
                      <a:endParaRPr lang="nb-NO" sz="1300" b="0" noProof="0">
                        <a:solidFill>
                          <a:schemeClr val="tx1"/>
                        </a:solidFill>
                        <a:latin typeface="Aptos Light" panose="020B0004020202020204" pitchFamily="34" charset="0"/>
                      </a:endParaRPr>
                    </a:p>
                  </a:txBody>
                  <a:tcPr>
                    <a:solidFill>
                      <a:schemeClr val="accent2"/>
                    </a:solidFill>
                  </a:tcPr>
                </a:tc>
                <a:extLst>
                  <a:ext uri="{0D108BD9-81ED-4DB2-BD59-A6C34878D82A}">
                    <a16:rowId xmlns:a16="http://schemas.microsoft.com/office/drawing/2014/main" val="1034769823"/>
                  </a:ext>
                </a:extLst>
              </a:tr>
              <a:tr h="148894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1300" b="1" i="1" noProof="0"/>
                        <a:t>STRATEGISKE SATSINGSOMRÅDER</a:t>
                      </a:r>
                    </a:p>
                    <a:p>
                      <a:pPr marL="285750" indent="-285750" algn="l">
                        <a:buFont typeface="Arial" panose="020B0604020202020204" pitchFamily="34" charset="0"/>
                        <a:buChar char="•"/>
                      </a:pPr>
                      <a:r>
                        <a:rPr lang="nb-NO" sz="1300" noProof="0"/>
                        <a:t>Forvaltning og bruk av bygg og eiendom</a:t>
                      </a:r>
                    </a:p>
                    <a:p>
                      <a:pPr marL="285750" indent="-285750" algn="l">
                        <a:buFont typeface="Arial" panose="020B0604020202020204" pitchFamily="34" charset="0"/>
                        <a:buChar char="•"/>
                      </a:pPr>
                      <a:r>
                        <a:rPr lang="nb-NO" sz="1300" noProof="0"/>
                        <a:t>Bruk av ny teknologi </a:t>
                      </a:r>
                    </a:p>
                    <a:p>
                      <a:pPr marL="285750" indent="-285750" algn="l">
                        <a:buFont typeface="Arial" panose="020B0604020202020204" pitchFamily="34" charset="0"/>
                        <a:buChar char="•"/>
                      </a:pPr>
                      <a:r>
                        <a:rPr lang="nb-NO" sz="1300" noProof="0"/>
                        <a:t>Premissgiverfunksjonen ved anskaffelse, ledelse</a:t>
                      </a:r>
                      <a:br>
                        <a:rPr lang="nb-NO" sz="1300" noProof="0"/>
                      </a:br>
                      <a:r>
                        <a:rPr lang="nb-NO" sz="1300" noProof="0"/>
                        <a:t>og oppfølging av leverandører</a:t>
                      </a:r>
                    </a:p>
                    <a:p>
                      <a:pPr marL="285750" indent="-285750" algn="l">
                        <a:buFont typeface="Arial" panose="020B0604020202020204" pitchFamily="34" charset="0"/>
                        <a:buChar char="•"/>
                      </a:pPr>
                      <a:endParaRPr lang="nb-NO" sz="1300" noProof="0">
                        <a:latin typeface="Aptos Light" panose="020B0004020202020204" pitchFamily="34" charset="0"/>
                      </a:endParaRPr>
                    </a:p>
                  </a:txBody>
                  <a:tcPr>
                    <a:solidFill>
                      <a:schemeClr val="accent2">
                        <a:lumMod val="60000"/>
                        <a:lumOff val="40000"/>
                      </a:schemeClr>
                    </a:solidFill>
                  </a:tcPr>
                </a:tc>
                <a:extLst>
                  <a:ext uri="{0D108BD9-81ED-4DB2-BD59-A6C34878D82A}">
                    <a16:rowId xmlns:a16="http://schemas.microsoft.com/office/drawing/2014/main" val="3489420556"/>
                  </a:ext>
                </a:extLst>
              </a:tr>
              <a:tr h="1317058">
                <a:tc>
                  <a:txBody>
                    <a:bodyPr/>
                    <a:lstStyle/>
                    <a:p>
                      <a:pPr algn="l"/>
                      <a:r>
                        <a:rPr lang="nb-NO" sz="1300" b="1" i="1" noProof="0"/>
                        <a:t>SENTRALE LÆRINGSARENAER</a:t>
                      </a:r>
                    </a:p>
                    <a:p>
                      <a:pPr marL="285750" indent="-285750" algn="l">
                        <a:buFont typeface="Arial" panose="020B0604020202020204" pitchFamily="34" charset="0"/>
                        <a:buChar char="•"/>
                      </a:pPr>
                      <a:r>
                        <a:rPr lang="nb-NO" sz="1300" noProof="0"/>
                        <a:t>Interne, faglige nettverk</a:t>
                      </a:r>
                    </a:p>
                    <a:p>
                      <a:pPr marL="285750" indent="-285750" algn="l">
                        <a:buFont typeface="Arial" panose="020B0604020202020204" pitchFamily="34" charset="0"/>
                        <a:buChar char="•"/>
                      </a:pPr>
                      <a:r>
                        <a:rPr lang="nb-NO" sz="1300" noProof="0"/>
                        <a:t>Medlemsinformasjon</a:t>
                      </a:r>
                    </a:p>
                    <a:p>
                      <a:pPr marL="285750" indent="-285750" algn="l">
                        <a:buFont typeface="Arial" panose="020B0604020202020204" pitchFamily="34" charset="0"/>
                        <a:buChar char="•"/>
                      </a:pPr>
                      <a:r>
                        <a:rPr lang="nb-NO" sz="1300" noProof="0"/>
                        <a:t>Samarbeidsarenaer med nasjonale og internasjonale aktører</a:t>
                      </a:r>
                      <a:endParaRPr lang="nb-NO" sz="1300" noProof="0">
                        <a:latin typeface="Aptos Light" panose="020B0004020202020204" pitchFamily="34" charset="0"/>
                      </a:endParaRPr>
                    </a:p>
                  </a:txBody>
                  <a:tcPr>
                    <a:solidFill>
                      <a:schemeClr val="accent2">
                        <a:lumMod val="20000"/>
                        <a:lumOff val="80000"/>
                      </a:schemeClr>
                    </a:solidFill>
                  </a:tcPr>
                </a:tc>
                <a:extLst>
                  <a:ext uri="{0D108BD9-81ED-4DB2-BD59-A6C34878D82A}">
                    <a16:rowId xmlns:a16="http://schemas.microsoft.com/office/drawing/2014/main" val="2389129482"/>
                  </a:ext>
                </a:extLst>
              </a:tr>
            </a:tbl>
          </a:graphicData>
        </a:graphic>
      </p:graphicFrame>
    </p:spTree>
    <p:extLst>
      <p:ext uri="{BB962C8B-B14F-4D97-AF65-F5344CB8AC3E}">
        <p14:creationId xmlns:p14="http://schemas.microsoft.com/office/powerpoint/2010/main" val="337873050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descr="Conference room table">
            <a:extLst>
              <a:ext uri="{FF2B5EF4-FFF2-40B4-BE49-F238E27FC236}">
                <a16:creationId xmlns:a16="http://schemas.microsoft.com/office/drawing/2014/main" id="{880EB957-FB86-6203-191C-DA01F6A0CDED}"/>
              </a:ext>
            </a:extLst>
          </p:cNvPr>
          <p:cNvPicPr>
            <a:picLocks noChangeAspect="1"/>
          </p:cNvPicPr>
          <p:nvPr/>
        </p:nvPicPr>
        <p:blipFill>
          <a:blip r:embed="rId2" cstate="print">
            <a:extLst>
              <a:ext uri="{28A0092B-C50C-407E-A947-70E740481C1C}">
                <a14:useLocalDpi xmlns:a14="http://schemas.microsoft.com/office/drawing/2010/main" val="0"/>
              </a:ext>
            </a:extLst>
          </a:blip>
          <a:srcRect l="14884"/>
          <a:stretch/>
        </p:blipFill>
        <p:spPr>
          <a:xfrm>
            <a:off x="6960097" y="1981201"/>
            <a:ext cx="3707903" cy="3886200"/>
          </a:xfrm>
          <a:prstGeom prst="rect">
            <a:avLst/>
          </a:prstGeom>
        </p:spPr>
      </p:pic>
      <p:sp>
        <p:nvSpPr>
          <p:cNvPr id="2" name="Tittel 1">
            <a:extLst>
              <a:ext uri="{FF2B5EF4-FFF2-40B4-BE49-F238E27FC236}">
                <a16:creationId xmlns:a16="http://schemas.microsoft.com/office/drawing/2014/main" id="{5B343EF7-3D7B-4376-813E-96C5EC3AF503}"/>
              </a:ext>
            </a:extLst>
          </p:cNvPr>
          <p:cNvSpPr>
            <a:spLocks noGrp="1"/>
          </p:cNvSpPr>
          <p:nvPr>
            <p:ph type="title"/>
          </p:nvPr>
        </p:nvSpPr>
        <p:spPr/>
        <p:txBody>
          <a:bodyPr/>
          <a:lstStyle/>
          <a:p>
            <a:r>
              <a:rPr lang="nb-NO" sz="2400" b="1"/>
              <a:t>Styret</a:t>
            </a:r>
          </a:p>
        </p:txBody>
      </p:sp>
      <p:sp>
        <p:nvSpPr>
          <p:cNvPr id="7" name="Plassholder for innhold 6">
            <a:extLst>
              <a:ext uri="{FF2B5EF4-FFF2-40B4-BE49-F238E27FC236}">
                <a16:creationId xmlns:a16="http://schemas.microsoft.com/office/drawing/2014/main" id="{E88720E0-3F7A-4F2C-B2FB-E0FE3EB024ED}"/>
              </a:ext>
            </a:extLst>
          </p:cNvPr>
          <p:cNvSpPr txBox="1">
            <a:spLocks noGrp="1"/>
          </p:cNvSpPr>
          <p:nvPr>
            <p:ph sz="half" idx="1"/>
          </p:nvPr>
        </p:nvSpPr>
        <p:spPr>
          <a:xfrm>
            <a:off x="1981200" y="1981200"/>
            <a:ext cx="4690864" cy="3967240"/>
          </a:xfrm>
          <a:prstGeom prst="rect">
            <a:avLst/>
          </a:prstGeom>
          <a:noFill/>
          <a:ln w="12700">
            <a:noFill/>
          </a:ln>
        </p:spPr>
        <p:txBody>
          <a:bodyPr wrap="square" rtlCol="0">
            <a:spAutoFit/>
          </a:bodyPr>
          <a:lstStyle/>
          <a:p>
            <a:pPr marL="0" indent="0">
              <a:buNone/>
            </a:pPr>
            <a:r>
              <a:rPr lang="nb-NO" sz="1300" dirty="0"/>
              <a:t>Styret har gjennomført fem ordinære styremøter i 2025.</a:t>
            </a:r>
          </a:p>
          <a:p>
            <a:pPr marL="0" indent="0">
              <a:buNone/>
            </a:pPr>
            <a:endParaRPr lang="nb-NO" sz="1000" dirty="0"/>
          </a:p>
          <a:p>
            <a:pPr marL="0" indent="0">
              <a:buNone/>
            </a:pPr>
            <a:r>
              <a:rPr lang="nb-NO" sz="1300" dirty="0"/>
              <a:t>Det er gjennomført flere diskusjons-, arbeids- og saksforberedende møter mellom involverte medlemmer og administrasjonen. Oppfølgingssaker fra Årsmøtet 2024, og alternative utviklingssaker for nettverket, har preget styrets arbeid og fokus. Driftsåret 2025 har vært preget av ordinær virksomhet. </a:t>
            </a:r>
          </a:p>
          <a:p>
            <a:pPr marL="0" indent="0">
              <a:buNone/>
            </a:pPr>
            <a:endParaRPr lang="nb-NO" sz="1000" dirty="0"/>
          </a:p>
          <a:p>
            <a:pPr marL="0" indent="0">
              <a:buNone/>
            </a:pPr>
            <a:r>
              <a:rPr lang="nb-NO" sz="1300" dirty="0"/>
              <a:t>Styret har hatt og har fokus på hvordan nettverket kan skape interesse for og bidra med innspill og kompetanse innenfor FM-faget, til de enkelte medlemmene. Hjemmesiden og nettverksmøter vil fortsatt være bærebjelkene og suksessfaktorene for å lykkes her. Oppslutning og tilbakemeldinger på begge disse områdene har vært gode, og til dels stigende, også gjennom driftsåret 2025.</a:t>
            </a:r>
          </a:p>
          <a:p>
            <a:pPr marL="0" indent="0">
              <a:buNone/>
            </a:pPr>
            <a:endParaRPr lang="nb-NO" sz="1000" dirty="0"/>
          </a:p>
          <a:p>
            <a:pPr marL="0" indent="0">
              <a:buNone/>
            </a:pPr>
            <a:r>
              <a:rPr lang="nb-NO" sz="1300" dirty="0"/>
              <a:t>Styret er opptatt av videreutvikling av nettverket og følger opp dette, tett sammen med administrasjonen. </a:t>
            </a:r>
          </a:p>
        </p:txBody>
      </p:sp>
      <p:sp>
        <p:nvSpPr>
          <p:cNvPr id="4" name="Plassholder for bunntekst 3">
            <a:extLst>
              <a:ext uri="{FF2B5EF4-FFF2-40B4-BE49-F238E27FC236}">
                <a16:creationId xmlns:a16="http://schemas.microsoft.com/office/drawing/2014/main" id="{43033F2E-C7BD-2884-121A-51B90C88960C}"/>
              </a:ext>
            </a:extLst>
          </p:cNvPr>
          <p:cNvSpPr>
            <a:spLocks noGrp="1"/>
          </p:cNvSpPr>
          <p:nvPr>
            <p:ph type="ftr" sz="quarter" idx="10"/>
          </p:nvPr>
        </p:nvSpPr>
        <p:spPr bwMode="auto">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normAutofit fontScale="92500" lnSpcReduction="20000"/>
          </a:bodyPr>
          <a:lstStyle/>
          <a:p>
            <a:pPr fontAlgn="base">
              <a:spcBef>
                <a:spcPct val="0"/>
              </a:spcBef>
              <a:spcAft>
                <a:spcPts val="600"/>
              </a:spcAft>
              <a:defRPr/>
            </a:pPr>
            <a:r>
              <a:rPr lang="nb-NO">
                <a:solidFill>
                  <a:srgbClr val="00007D"/>
                </a:solidFill>
              </a:rPr>
              <a:t>NfN</a:t>
            </a:r>
          </a:p>
          <a:p>
            <a:pPr fontAlgn="base">
              <a:spcBef>
                <a:spcPct val="0"/>
              </a:spcBef>
              <a:spcAft>
                <a:spcPts val="600"/>
              </a:spcAft>
              <a:defRPr/>
            </a:pPr>
            <a:r>
              <a:rPr lang="nb-NO">
                <a:solidFill>
                  <a:srgbClr val="00007D"/>
                </a:solidFill>
              </a:rPr>
              <a:t>Norwegian </a:t>
            </a:r>
            <a:r>
              <a:rPr lang="nb-NO" err="1">
                <a:solidFill>
                  <a:srgbClr val="00007D"/>
                </a:solidFill>
              </a:rPr>
              <a:t>Facility</a:t>
            </a:r>
            <a:r>
              <a:rPr lang="nb-NO">
                <a:solidFill>
                  <a:srgbClr val="00007D"/>
                </a:solidFill>
              </a:rPr>
              <a:t> Management Network</a:t>
            </a:r>
          </a:p>
        </p:txBody>
      </p:sp>
      <p:sp>
        <p:nvSpPr>
          <p:cNvPr id="6" name="Plassholder for lysbildenummer 5">
            <a:extLst>
              <a:ext uri="{FF2B5EF4-FFF2-40B4-BE49-F238E27FC236}">
                <a16:creationId xmlns:a16="http://schemas.microsoft.com/office/drawing/2014/main" id="{D295667E-99CD-4AE5-9F05-624F5F326A79}"/>
              </a:ext>
            </a:extLst>
          </p:cNvPr>
          <p:cNvSpPr>
            <a:spLocks noGrp="1"/>
          </p:cNvSpPr>
          <p:nvPr>
            <p:ph type="sldNum" sz="quarter" idx="11"/>
          </p:nvPr>
        </p:nvSpPr>
        <p:spPr/>
        <p:txBody>
          <a:bodyPr/>
          <a:lstStyle/>
          <a:p>
            <a:pPr fontAlgn="base">
              <a:spcBef>
                <a:spcPct val="0"/>
              </a:spcBef>
              <a:spcAft>
                <a:spcPct val="0"/>
              </a:spcAft>
              <a:defRPr/>
            </a:pPr>
            <a:fld id="{F0BA6984-9ACB-4E76-B1C8-DF4CEFE456E6}" type="slidenum">
              <a:rPr lang="nb-NO">
                <a:solidFill>
                  <a:srgbClr val="A8FFC8"/>
                </a:solidFill>
              </a:rPr>
              <a:pPr fontAlgn="base">
                <a:spcBef>
                  <a:spcPct val="0"/>
                </a:spcBef>
                <a:spcAft>
                  <a:spcPct val="0"/>
                </a:spcAft>
                <a:defRPr/>
              </a:pPr>
              <a:t>4</a:t>
            </a:fld>
            <a:endParaRPr lang="nb-NO">
              <a:solidFill>
                <a:srgbClr val="A8FFC8"/>
              </a:solidFill>
            </a:endParaRPr>
          </a:p>
        </p:txBody>
      </p:sp>
      <p:sp>
        <p:nvSpPr>
          <p:cNvPr id="3" name="TekstSylinder 9">
            <a:extLst>
              <a:ext uri="{FF2B5EF4-FFF2-40B4-BE49-F238E27FC236}">
                <a16:creationId xmlns:a16="http://schemas.microsoft.com/office/drawing/2014/main" id="{E048E635-BCA6-8A3C-0892-C1C3D76F9808}"/>
              </a:ext>
            </a:extLst>
          </p:cNvPr>
          <p:cNvSpPr txBox="1"/>
          <p:nvPr/>
        </p:nvSpPr>
        <p:spPr>
          <a:xfrm>
            <a:off x="6960096" y="1981200"/>
            <a:ext cx="2664296" cy="3985706"/>
          </a:xfrm>
          <a:prstGeom prst="rect">
            <a:avLst/>
          </a:prstGeom>
          <a:noFill/>
          <a:ln w="12700">
            <a:noFill/>
          </a:ln>
        </p:spPr>
        <p:txBody>
          <a:bodyPr wrap="square" rtlCol="0">
            <a:spAutoFit/>
          </a:bodyPr>
          <a:lstStyle/>
          <a:p>
            <a:pPr fontAlgn="base">
              <a:spcBef>
                <a:spcPct val="0"/>
              </a:spcBef>
              <a:spcAft>
                <a:spcPct val="0"/>
              </a:spcAft>
            </a:pPr>
            <a:r>
              <a:rPr lang="nb-NO" sz="1100" b="1">
                <a:solidFill>
                  <a:srgbClr val="000000"/>
                </a:solidFill>
                <a:latin typeface="Arial" charset="0"/>
              </a:rPr>
              <a:t>Trond A. Smogeli	</a:t>
            </a:r>
          </a:p>
          <a:p>
            <a:pPr fontAlgn="base">
              <a:spcBef>
                <a:spcPct val="0"/>
              </a:spcBef>
              <a:spcAft>
                <a:spcPct val="0"/>
              </a:spcAft>
            </a:pPr>
            <a:r>
              <a:rPr lang="nb-NO" sz="1100" i="1">
                <a:solidFill>
                  <a:srgbClr val="000000"/>
                </a:solidFill>
                <a:latin typeface="Arial" charset="0"/>
              </a:rPr>
              <a:t>Styrets leder        </a:t>
            </a:r>
          </a:p>
          <a:p>
            <a:pPr fontAlgn="base">
              <a:spcBef>
                <a:spcPct val="0"/>
              </a:spcBef>
              <a:spcAft>
                <a:spcPct val="0"/>
              </a:spcAft>
            </a:pPr>
            <a:r>
              <a:rPr lang="nb-NO" sz="1100">
                <a:solidFill>
                  <a:srgbClr val="000000"/>
                </a:solidFill>
                <a:latin typeface="Arial" charset="0"/>
              </a:rPr>
              <a:t>(Sykehuset i Østfold)   </a:t>
            </a:r>
          </a:p>
          <a:p>
            <a:pPr fontAlgn="base">
              <a:spcBef>
                <a:spcPct val="0"/>
              </a:spcBef>
              <a:spcAft>
                <a:spcPct val="0"/>
              </a:spcAft>
            </a:pPr>
            <a:r>
              <a:rPr lang="nb-NO" sz="1000">
                <a:solidFill>
                  <a:srgbClr val="000000"/>
                </a:solidFill>
                <a:latin typeface="Arial" charset="0"/>
              </a:rPr>
              <a:t>           </a:t>
            </a:r>
          </a:p>
          <a:p>
            <a:pPr fontAlgn="base">
              <a:spcBef>
                <a:spcPct val="0"/>
              </a:spcBef>
              <a:spcAft>
                <a:spcPct val="0"/>
              </a:spcAft>
            </a:pPr>
            <a:r>
              <a:rPr lang="nb-NO" sz="1100" b="1">
                <a:solidFill>
                  <a:srgbClr val="000000"/>
                </a:solidFill>
                <a:latin typeface="Arial" charset="0"/>
              </a:rPr>
              <a:t>Trude L. Harneshaug </a:t>
            </a:r>
          </a:p>
          <a:p>
            <a:pPr fontAlgn="base">
              <a:spcBef>
                <a:spcPct val="0"/>
              </a:spcBef>
              <a:spcAft>
                <a:spcPct val="0"/>
              </a:spcAft>
            </a:pPr>
            <a:r>
              <a:rPr lang="nb-NO" sz="1100" i="1">
                <a:solidFill>
                  <a:srgbClr val="000000"/>
                </a:solidFill>
                <a:latin typeface="Arial" charset="0"/>
              </a:rPr>
              <a:t>Styrets nestleder  </a:t>
            </a:r>
          </a:p>
          <a:p>
            <a:pPr fontAlgn="base">
              <a:spcBef>
                <a:spcPct val="0"/>
              </a:spcBef>
              <a:spcAft>
                <a:spcPct val="0"/>
              </a:spcAft>
            </a:pPr>
            <a:r>
              <a:rPr lang="nb-NO" sz="1100">
                <a:solidFill>
                  <a:srgbClr val="000000"/>
                </a:solidFill>
                <a:latin typeface="Arial" charset="0"/>
              </a:rPr>
              <a:t>(If Norge)</a:t>
            </a:r>
          </a:p>
          <a:p>
            <a:pPr fontAlgn="base">
              <a:spcBef>
                <a:spcPct val="0"/>
              </a:spcBef>
              <a:spcAft>
                <a:spcPct val="0"/>
              </a:spcAft>
            </a:pPr>
            <a:endParaRPr lang="nb-NO" sz="1000">
              <a:solidFill>
                <a:srgbClr val="000000"/>
              </a:solidFill>
              <a:latin typeface="Arial" charset="0"/>
            </a:endParaRPr>
          </a:p>
          <a:p>
            <a:pPr fontAlgn="base">
              <a:spcBef>
                <a:spcPct val="0"/>
              </a:spcBef>
              <a:spcAft>
                <a:spcPct val="0"/>
              </a:spcAft>
            </a:pPr>
            <a:r>
              <a:rPr lang="nb-NO" sz="1100" b="1">
                <a:solidFill>
                  <a:srgbClr val="000000"/>
                </a:solidFill>
                <a:latin typeface="Arial" charset="0"/>
              </a:rPr>
              <a:t>Anders K. Oswald </a:t>
            </a:r>
          </a:p>
          <a:p>
            <a:pPr fontAlgn="base">
              <a:spcBef>
                <a:spcPct val="0"/>
              </a:spcBef>
              <a:spcAft>
                <a:spcPct val="0"/>
              </a:spcAft>
            </a:pPr>
            <a:r>
              <a:rPr lang="nb-NO" sz="1100" i="1">
                <a:solidFill>
                  <a:srgbClr val="000000"/>
                </a:solidFill>
                <a:latin typeface="Arial" charset="0"/>
              </a:rPr>
              <a:t>Styremedlem</a:t>
            </a:r>
            <a:r>
              <a:rPr lang="nb-NO" sz="1100">
                <a:solidFill>
                  <a:srgbClr val="000000"/>
                </a:solidFill>
                <a:latin typeface="Arial" charset="0"/>
              </a:rPr>
              <a:t>        </a:t>
            </a:r>
          </a:p>
          <a:p>
            <a:pPr fontAlgn="base">
              <a:spcBef>
                <a:spcPct val="0"/>
              </a:spcBef>
              <a:spcAft>
                <a:spcPct val="0"/>
              </a:spcAft>
            </a:pPr>
            <a:r>
              <a:rPr lang="nb-NO" sz="1100">
                <a:solidFill>
                  <a:srgbClr val="000000"/>
                </a:solidFill>
                <a:latin typeface="Arial" charset="0"/>
              </a:rPr>
              <a:t>(Telenor Real </a:t>
            </a:r>
            <a:r>
              <a:rPr lang="nb-NO" sz="1100" err="1">
                <a:solidFill>
                  <a:srgbClr val="000000"/>
                </a:solidFill>
                <a:latin typeface="Arial" charset="0"/>
              </a:rPr>
              <a:t>Estate</a:t>
            </a:r>
            <a:r>
              <a:rPr lang="nb-NO" sz="1100">
                <a:solidFill>
                  <a:srgbClr val="000000"/>
                </a:solidFill>
                <a:latin typeface="Arial" charset="0"/>
              </a:rPr>
              <a:t> AS)</a:t>
            </a:r>
          </a:p>
          <a:p>
            <a:pPr fontAlgn="base">
              <a:spcBef>
                <a:spcPct val="0"/>
              </a:spcBef>
              <a:spcAft>
                <a:spcPct val="0"/>
              </a:spcAft>
            </a:pPr>
            <a:endParaRPr lang="nb-NO" sz="1000">
              <a:solidFill>
                <a:srgbClr val="000000"/>
              </a:solidFill>
              <a:latin typeface="Arial" charset="0"/>
            </a:endParaRPr>
          </a:p>
          <a:p>
            <a:pPr fontAlgn="base">
              <a:spcBef>
                <a:spcPct val="0"/>
              </a:spcBef>
              <a:spcAft>
                <a:spcPct val="0"/>
              </a:spcAft>
            </a:pPr>
            <a:r>
              <a:rPr lang="nb-NO" sz="1100" b="1">
                <a:solidFill>
                  <a:srgbClr val="000000"/>
                </a:solidFill>
                <a:latin typeface="Arial" charset="0"/>
              </a:rPr>
              <a:t>Margrethe Schilbred</a:t>
            </a:r>
          </a:p>
          <a:p>
            <a:pPr fontAlgn="base">
              <a:spcBef>
                <a:spcPct val="0"/>
              </a:spcBef>
              <a:spcAft>
                <a:spcPct val="0"/>
              </a:spcAft>
            </a:pPr>
            <a:r>
              <a:rPr lang="nb-NO" sz="1100" i="1">
                <a:solidFill>
                  <a:srgbClr val="000000"/>
                </a:solidFill>
                <a:latin typeface="Arial" charset="0"/>
              </a:rPr>
              <a:t>Styremedlem</a:t>
            </a:r>
            <a:r>
              <a:rPr lang="nb-NO" sz="1100">
                <a:solidFill>
                  <a:srgbClr val="000000"/>
                </a:solidFill>
                <a:latin typeface="Arial" charset="0"/>
              </a:rPr>
              <a:t>     </a:t>
            </a:r>
          </a:p>
          <a:p>
            <a:pPr fontAlgn="base">
              <a:spcBef>
                <a:spcPct val="0"/>
              </a:spcBef>
              <a:spcAft>
                <a:spcPct val="0"/>
              </a:spcAft>
            </a:pPr>
            <a:r>
              <a:rPr lang="nb-NO" sz="1100">
                <a:solidFill>
                  <a:srgbClr val="000000"/>
                </a:solidFill>
                <a:latin typeface="Arial" charset="0"/>
              </a:rPr>
              <a:t>(Sodexo)</a:t>
            </a:r>
          </a:p>
          <a:p>
            <a:pPr fontAlgn="base">
              <a:spcBef>
                <a:spcPct val="0"/>
              </a:spcBef>
              <a:spcAft>
                <a:spcPct val="0"/>
              </a:spcAft>
            </a:pPr>
            <a:endParaRPr lang="nb-NO" sz="1000">
              <a:solidFill>
                <a:srgbClr val="000000"/>
              </a:solidFill>
              <a:latin typeface="Arial" charset="0"/>
            </a:endParaRPr>
          </a:p>
          <a:p>
            <a:pPr fontAlgn="base">
              <a:spcBef>
                <a:spcPct val="0"/>
              </a:spcBef>
              <a:spcAft>
                <a:spcPct val="0"/>
              </a:spcAft>
            </a:pPr>
            <a:r>
              <a:rPr lang="nb-NO" sz="1100" b="1">
                <a:solidFill>
                  <a:srgbClr val="000000"/>
                </a:solidFill>
                <a:latin typeface="Arial" charset="0"/>
              </a:rPr>
              <a:t>Merethe Dertz McKeighen </a:t>
            </a:r>
          </a:p>
          <a:p>
            <a:pPr fontAlgn="base">
              <a:spcBef>
                <a:spcPct val="0"/>
              </a:spcBef>
              <a:spcAft>
                <a:spcPct val="0"/>
              </a:spcAft>
            </a:pPr>
            <a:r>
              <a:rPr lang="nb-NO" sz="1100" i="1">
                <a:solidFill>
                  <a:srgbClr val="000000"/>
                </a:solidFill>
                <a:latin typeface="Arial" charset="0"/>
              </a:rPr>
              <a:t>Styremedlem</a:t>
            </a:r>
            <a:r>
              <a:rPr lang="nb-NO" sz="1100">
                <a:solidFill>
                  <a:srgbClr val="000000"/>
                </a:solidFill>
                <a:latin typeface="Arial" charset="0"/>
              </a:rPr>
              <a:t>       </a:t>
            </a:r>
          </a:p>
          <a:p>
            <a:pPr fontAlgn="base">
              <a:spcBef>
                <a:spcPct val="0"/>
              </a:spcBef>
              <a:spcAft>
                <a:spcPct val="0"/>
              </a:spcAft>
            </a:pPr>
            <a:r>
              <a:rPr lang="nb-NO" sz="1100">
                <a:solidFill>
                  <a:srgbClr val="000000"/>
                </a:solidFill>
                <a:latin typeface="Arial" charset="0"/>
              </a:rPr>
              <a:t>(Nordea Bank)</a:t>
            </a:r>
          </a:p>
          <a:p>
            <a:pPr fontAlgn="base">
              <a:spcBef>
                <a:spcPct val="0"/>
              </a:spcBef>
              <a:spcAft>
                <a:spcPct val="0"/>
              </a:spcAft>
            </a:pPr>
            <a:endParaRPr lang="nb-NO" sz="1000">
              <a:solidFill>
                <a:srgbClr val="000000"/>
              </a:solidFill>
              <a:latin typeface="Arial" charset="0"/>
            </a:endParaRPr>
          </a:p>
          <a:p>
            <a:pPr fontAlgn="base">
              <a:spcBef>
                <a:spcPct val="0"/>
              </a:spcBef>
              <a:spcAft>
                <a:spcPct val="0"/>
              </a:spcAft>
            </a:pPr>
            <a:r>
              <a:rPr lang="nb-NO" sz="1100" b="1">
                <a:solidFill>
                  <a:srgbClr val="000000"/>
                </a:solidFill>
                <a:latin typeface="Arial" charset="0"/>
              </a:rPr>
              <a:t>Tord Ekeland </a:t>
            </a:r>
          </a:p>
          <a:p>
            <a:pPr fontAlgn="base">
              <a:spcBef>
                <a:spcPct val="0"/>
              </a:spcBef>
              <a:spcAft>
                <a:spcPct val="0"/>
              </a:spcAft>
            </a:pPr>
            <a:r>
              <a:rPr lang="nb-NO" sz="1100" i="1">
                <a:solidFill>
                  <a:srgbClr val="000000"/>
                </a:solidFill>
                <a:latin typeface="Arial" charset="0"/>
              </a:rPr>
              <a:t>Styremedlem</a:t>
            </a:r>
            <a:r>
              <a:rPr lang="nb-NO" sz="1100">
                <a:solidFill>
                  <a:srgbClr val="000000"/>
                </a:solidFill>
                <a:latin typeface="Arial" charset="0"/>
              </a:rPr>
              <a:t>      </a:t>
            </a:r>
          </a:p>
          <a:p>
            <a:pPr fontAlgn="base">
              <a:spcBef>
                <a:spcPct val="0"/>
              </a:spcBef>
              <a:spcAft>
                <a:spcPct val="0"/>
              </a:spcAft>
            </a:pPr>
            <a:r>
              <a:rPr lang="nb-NO" sz="1100">
                <a:solidFill>
                  <a:srgbClr val="000000"/>
                </a:solidFill>
                <a:latin typeface="Arial" charset="0"/>
              </a:rPr>
              <a:t>(Aker Solutions)</a:t>
            </a:r>
            <a:r>
              <a:rPr lang="nb-NO" sz="1050">
                <a:solidFill>
                  <a:srgbClr val="000000"/>
                </a:solidFill>
                <a:latin typeface="Arial" charset="0"/>
              </a:rPr>
              <a:t>	</a:t>
            </a:r>
          </a:p>
        </p:txBody>
      </p:sp>
    </p:spTree>
    <p:extLst>
      <p:ext uri="{BB962C8B-B14F-4D97-AF65-F5344CB8AC3E}">
        <p14:creationId xmlns:p14="http://schemas.microsoft.com/office/powerpoint/2010/main" val="327148285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726796B-BFF3-8345-68E3-73537A0465F5}"/>
            </a:ext>
          </a:extLst>
        </p:cNvPr>
        <p:cNvGrpSpPr/>
        <p:nvPr/>
      </p:nvGrpSpPr>
      <p:grpSpPr>
        <a:xfrm>
          <a:off x="0" y="0"/>
          <a:ext cx="0" cy="0"/>
          <a:chOff x="0" y="0"/>
          <a:chExt cx="0" cy="0"/>
        </a:xfrm>
      </p:grpSpPr>
      <p:sp>
        <p:nvSpPr>
          <p:cNvPr id="2" name="Tittel 1">
            <a:extLst>
              <a:ext uri="{FF2B5EF4-FFF2-40B4-BE49-F238E27FC236}">
                <a16:creationId xmlns:a16="http://schemas.microsoft.com/office/drawing/2014/main" id="{72CB6241-C93B-FEA2-54DE-E3A445B85ABC}"/>
              </a:ext>
            </a:extLst>
          </p:cNvPr>
          <p:cNvSpPr>
            <a:spLocks noGrp="1"/>
          </p:cNvSpPr>
          <p:nvPr>
            <p:ph type="title"/>
          </p:nvPr>
        </p:nvSpPr>
        <p:spPr/>
        <p:txBody>
          <a:bodyPr wrap="square" anchor="ctr">
            <a:normAutofit/>
          </a:bodyPr>
          <a:lstStyle/>
          <a:p>
            <a:r>
              <a:rPr lang="nb-NO" sz="2400" b="1"/>
              <a:t>Administrasjonen</a:t>
            </a:r>
          </a:p>
        </p:txBody>
      </p:sp>
      <p:pic>
        <p:nvPicPr>
          <p:cNvPr id="22" name="Picture 21" descr="Businesswomen brainstorming around a laptop">
            <a:extLst>
              <a:ext uri="{FF2B5EF4-FFF2-40B4-BE49-F238E27FC236}">
                <a16:creationId xmlns:a16="http://schemas.microsoft.com/office/drawing/2014/main" id="{3F118BF1-2EEB-C957-0582-DBAF52D20C80}"/>
              </a:ext>
            </a:extLst>
          </p:cNvPr>
          <p:cNvPicPr>
            <a:picLocks noChangeAspect="1"/>
          </p:cNvPicPr>
          <p:nvPr/>
        </p:nvPicPr>
        <p:blipFill>
          <a:blip r:embed="rId2" cstate="print">
            <a:extLst>
              <a:ext uri="{28A0092B-C50C-407E-A947-70E740481C1C}">
                <a14:useLocalDpi xmlns:a14="http://schemas.microsoft.com/office/drawing/2010/main" val="0"/>
              </a:ext>
            </a:extLst>
          </a:blip>
          <a:srcRect l="5555" r="17183"/>
          <a:stretch/>
        </p:blipFill>
        <p:spPr>
          <a:xfrm>
            <a:off x="1520057" y="1981200"/>
            <a:ext cx="4499744" cy="3881733"/>
          </a:xfrm>
          <a:prstGeom prst="rect">
            <a:avLst/>
          </a:prstGeom>
        </p:spPr>
      </p:pic>
      <p:sp>
        <p:nvSpPr>
          <p:cNvPr id="5" name="Content Placeholder 3">
            <a:extLst>
              <a:ext uri="{FF2B5EF4-FFF2-40B4-BE49-F238E27FC236}">
                <a16:creationId xmlns:a16="http://schemas.microsoft.com/office/drawing/2014/main" id="{A18869BC-4C22-D945-5BD6-0C4A97C90026}"/>
              </a:ext>
            </a:extLst>
          </p:cNvPr>
          <p:cNvSpPr>
            <a:spLocks noGrp="1"/>
          </p:cNvSpPr>
          <p:nvPr>
            <p:ph sz="half" idx="2"/>
          </p:nvPr>
        </p:nvSpPr>
        <p:spPr/>
        <p:txBody>
          <a:bodyPr wrap="square" anchor="t">
            <a:normAutofit/>
          </a:bodyPr>
          <a:lstStyle/>
          <a:p>
            <a:pPr marL="0" indent="0">
              <a:lnSpc>
                <a:spcPct val="90000"/>
              </a:lnSpc>
              <a:buNone/>
            </a:pPr>
            <a:r>
              <a:rPr lang="nb-NO" sz="1400" dirty="0"/>
              <a:t>Administrasjonen har gjennom driftsåret 2025 hatt hovedfokus på realisering av </a:t>
            </a:r>
            <a:r>
              <a:rPr lang="nb-NO" sz="1400" dirty="0" err="1"/>
              <a:t>NfNs</a:t>
            </a:r>
            <a:r>
              <a:rPr lang="nb-NO" sz="1400" dirty="0"/>
              <a:t> overordnede strategi.</a:t>
            </a:r>
          </a:p>
          <a:p>
            <a:pPr marL="0" indent="0">
              <a:lnSpc>
                <a:spcPct val="90000"/>
              </a:lnSpc>
              <a:buNone/>
            </a:pPr>
            <a:endParaRPr lang="nb-NO" sz="1400" dirty="0"/>
          </a:p>
          <a:p>
            <a:pPr marL="0" indent="0">
              <a:lnSpc>
                <a:spcPct val="90000"/>
              </a:lnSpc>
              <a:buNone/>
            </a:pPr>
            <a:r>
              <a:rPr lang="nb-NO" sz="1400" dirty="0"/>
              <a:t>NfN er fortsatt basert på aktive bidrag fra medlemsbedriftene for gjennomføring av møter, og ikke minst for å dele kompetanse og erfaringer. Dette materialiseres også i driftsåret 2025. </a:t>
            </a:r>
          </a:p>
          <a:p>
            <a:pPr marL="0" indent="0">
              <a:lnSpc>
                <a:spcPct val="90000"/>
              </a:lnSpc>
              <a:buNone/>
            </a:pPr>
            <a:endParaRPr lang="nb-NO" sz="1400" dirty="0"/>
          </a:p>
          <a:p>
            <a:pPr marL="0" indent="0">
              <a:lnSpc>
                <a:spcPct val="90000"/>
              </a:lnSpc>
              <a:buNone/>
            </a:pPr>
            <a:r>
              <a:rPr lang="nb-NO" sz="1400" dirty="0"/>
              <a:t>Administrasjonen bidrar med forberedelser og fremstilling av saker for styret og årsmøtet, planlegger og deltar i programarbeid i nettverkene og forestår annen administrativ virksomhet.</a:t>
            </a:r>
          </a:p>
          <a:p>
            <a:pPr marL="0" indent="0">
              <a:lnSpc>
                <a:spcPct val="90000"/>
              </a:lnSpc>
              <a:buNone/>
            </a:pPr>
            <a:br>
              <a:rPr lang="nb-NO" sz="1400" dirty="0"/>
            </a:br>
            <a:r>
              <a:rPr lang="nb-NO" sz="1400" dirty="0"/>
              <a:t>Høsten 2025 gjennomførte administrasjonen i samarbeid med styret, en medlemsundersøkelse blant alle medlemmer i nettverket. Undersøkelsen ga nyttig og positive tilbakemeldinger og innspill.</a:t>
            </a:r>
          </a:p>
        </p:txBody>
      </p:sp>
      <p:sp>
        <p:nvSpPr>
          <p:cNvPr id="4" name="Plassholder for bunntekst 3">
            <a:extLst>
              <a:ext uri="{FF2B5EF4-FFF2-40B4-BE49-F238E27FC236}">
                <a16:creationId xmlns:a16="http://schemas.microsoft.com/office/drawing/2014/main" id="{C6B3D6CD-920E-276E-E634-7D0D5660A97C}"/>
              </a:ext>
            </a:extLst>
          </p:cNvPr>
          <p:cNvSpPr>
            <a:spLocks noGrp="1"/>
          </p:cNvSpPr>
          <p:nvPr>
            <p:ph type="ftr" sz="quarter" idx="10"/>
          </p:nvPr>
        </p:nvSpPr>
        <p:spPr bwMode="auto"/>
        <p:txBody>
          <a:bodyPr vert="horz" wrap="square" lIns="91440" tIns="45720" rIns="91440" bIns="45720" numCol="1" anchor="b" anchorCtr="0" compatLnSpc="1">
            <a:prstTxWarp prst="textNoShape">
              <a:avLst/>
            </a:prstTxWarp>
            <a:normAutofit/>
          </a:bodyPr>
          <a:lstStyle/>
          <a:p>
            <a:pPr fontAlgn="base">
              <a:lnSpc>
                <a:spcPct val="90000"/>
              </a:lnSpc>
              <a:spcBef>
                <a:spcPct val="0"/>
              </a:spcBef>
              <a:spcAft>
                <a:spcPts val="600"/>
              </a:spcAft>
              <a:defRPr/>
            </a:pPr>
            <a:r>
              <a:rPr lang="nb-NO" sz="1000">
                <a:solidFill>
                  <a:srgbClr val="00007D"/>
                </a:solidFill>
              </a:rPr>
              <a:t>NfN</a:t>
            </a:r>
          </a:p>
          <a:p>
            <a:pPr fontAlgn="base">
              <a:lnSpc>
                <a:spcPct val="90000"/>
              </a:lnSpc>
              <a:spcBef>
                <a:spcPct val="0"/>
              </a:spcBef>
              <a:spcAft>
                <a:spcPts val="600"/>
              </a:spcAft>
              <a:defRPr/>
            </a:pPr>
            <a:r>
              <a:rPr lang="nb-NO" sz="1000">
                <a:solidFill>
                  <a:srgbClr val="00007D"/>
                </a:solidFill>
              </a:rPr>
              <a:t>Norwegian </a:t>
            </a:r>
            <a:r>
              <a:rPr lang="nb-NO" sz="1000" err="1">
                <a:solidFill>
                  <a:srgbClr val="00007D"/>
                </a:solidFill>
              </a:rPr>
              <a:t>Facility</a:t>
            </a:r>
            <a:r>
              <a:rPr lang="nb-NO" sz="1000">
                <a:solidFill>
                  <a:srgbClr val="00007D"/>
                </a:solidFill>
              </a:rPr>
              <a:t> Management Network</a:t>
            </a:r>
          </a:p>
        </p:txBody>
      </p:sp>
      <p:sp>
        <p:nvSpPr>
          <p:cNvPr id="6" name="Plassholder for lysbildenummer 5">
            <a:extLst>
              <a:ext uri="{FF2B5EF4-FFF2-40B4-BE49-F238E27FC236}">
                <a16:creationId xmlns:a16="http://schemas.microsoft.com/office/drawing/2014/main" id="{CB128F4D-BC4E-936D-8DC7-97962E3CB24D}"/>
              </a:ext>
            </a:extLst>
          </p:cNvPr>
          <p:cNvSpPr>
            <a:spLocks noGrp="1"/>
          </p:cNvSpPr>
          <p:nvPr>
            <p:ph type="sldNum" sz="quarter" idx="11"/>
          </p:nvPr>
        </p:nvSpPr>
        <p:spPr/>
        <p:txBody>
          <a:bodyPr wrap="square" anchor="b">
            <a:normAutofit/>
          </a:bodyPr>
          <a:lstStyle/>
          <a:p>
            <a:pPr fontAlgn="base">
              <a:spcBef>
                <a:spcPct val="0"/>
              </a:spcBef>
              <a:spcAft>
                <a:spcPts val="600"/>
              </a:spcAft>
              <a:defRPr/>
            </a:pPr>
            <a:fld id="{F0BA6984-9ACB-4E76-B1C8-DF4CEFE456E6}" type="slidenum">
              <a:rPr lang="nb-NO">
                <a:solidFill>
                  <a:srgbClr val="A8FFC8"/>
                </a:solidFill>
              </a:rPr>
              <a:pPr fontAlgn="base">
                <a:spcBef>
                  <a:spcPct val="0"/>
                </a:spcBef>
                <a:spcAft>
                  <a:spcPts val="600"/>
                </a:spcAft>
                <a:defRPr/>
              </a:pPr>
              <a:t>5</a:t>
            </a:fld>
            <a:endParaRPr lang="nb-NO">
              <a:solidFill>
                <a:srgbClr val="A8FFC8"/>
              </a:solidFill>
            </a:endParaRPr>
          </a:p>
        </p:txBody>
      </p:sp>
      <p:sp>
        <p:nvSpPr>
          <p:cNvPr id="20" name="Content Placeholder 3">
            <a:extLst>
              <a:ext uri="{FF2B5EF4-FFF2-40B4-BE49-F238E27FC236}">
                <a16:creationId xmlns:a16="http://schemas.microsoft.com/office/drawing/2014/main" id="{B169B8D1-33BF-E181-DE55-EEA8144BAC77}"/>
              </a:ext>
            </a:extLst>
          </p:cNvPr>
          <p:cNvSpPr txBox="1">
            <a:spLocks/>
          </p:cNvSpPr>
          <p:nvPr/>
        </p:nvSpPr>
        <p:spPr bwMode="auto">
          <a:xfrm>
            <a:off x="4295800" y="1981201"/>
            <a:ext cx="1724000" cy="3881733"/>
          </a:xfrm>
          <a:prstGeom prst="rect">
            <a:avLst/>
          </a:prstGeom>
          <a:noFill/>
          <a:ln w="9525">
            <a:noFill/>
            <a:miter lim="800000"/>
            <a:headEnd/>
            <a:tailEnd/>
          </a:ln>
        </p:spPr>
        <p:txBody>
          <a:bodyPr vert="horz" wrap="square" lIns="91440" tIns="45720" rIns="91440" bIns="45720" numCol="1" anchor="t" anchorCtr="0" compatLnSpc="1">
            <a:prstTxWarp prst="textNoShape">
              <a:avLst/>
            </a:prstTxWarp>
            <a:normAutofit/>
          </a:bodyPr>
          <a:lstStyle>
            <a:lvl1pPr marL="342900" indent="-342900" algn="l" rtl="0" eaLnBrk="0" fontAlgn="base" hangingPunct="0">
              <a:spcBef>
                <a:spcPct val="20000"/>
              </a:spcBef>
              <a:spcAft>
                <a:spcPct val="0"/>
              </a:spcAft>
              <a:buClr>
                <a:schemeClr val="bg2"/>
              </a:buClr>
              <a:buSzPct val="75000"/>
              <a:buFont typeface="Wingdings" pitchFamily="2" charset="2"/>
              <a:buChar char="n"/>
              <a:defRPr sz="2800">
                <a:solidFill>
                  <a:schemeClr val="tx1"/>
                </a:solidFill>
                <a:latin typeface="+mn-lt"/>
                <a:ea typeface="+mn-ea"/>
                <a:cs typeface="+mn-cs"/>
              </a:defRPr>
            </a:lvl1pPr>
            <a:lvl2pPr marL="742950" indent="-285750" algn="l" rtl="0" eaLnBrk="0" fontAlgn="base" hangingPunct="0">
              <a:spcBef>
                <a:spcPct val="20000"/>
              </a:spcBef>
              <a:spcAft>
                <a:spcPct val="0"/>
              </a:spcAft>
              <a:buClr>
                <a:schemeClr val="accent2"/>
              </a:buClr>
              <a:buSzPct val="80000"/>
              <a:buFont typeface="Wingdings" pitchFamily="2" charset="2"/>
              <a:buChar char="¨"/>
              <a:defRPr sz="2400">
                <a:solidFill>
                  <a:schemeClr val="tx1"/>
                </a:solidFill>
                <a:latin typeface="+mn-lt"/>
              </a:defRPr>
            </a:lvl2pPr>
            <a:lvl3pPr marL="1143000" indent="-228600" algn="l" rtl="0" eaLnBrk="0" fontAlgn="base" hangingPunct="0">
              <a:spcBef>
                <a:spcPct val="20000"/>
              </a:spcBef>
              <a:spcAft>
                <a:spcPct val="0"/>
              </a:spcAft>
              <a:buClr>
                <a:schemeClr val="bg2"/>
              </a:buClr>
              <a:buSzPct val="65000"/>
              <a:buFont typeface="Wingdings" pitchFamily="2" charset="2"/>
              <a:buChar char="n"/>
              <a:defRPr sz="2000">
                <a:solidFill>
                  <a:schemeClr val="tx1"/>
                </a:solidFill>
                <a:latin typeface="+mn-lt"/>
              </a:defRPr>
            </a:lvl3pPr>
            <a:lvl4pPr marL="1600200" indent="-228600" algn="l" rtl="0" eaLnBrk="0" fontAlgn="base" hangingPunct="0">
              <a:spcBef>
                <a:spcPct val="20000"/>
              </a:spcBef>
              <a:spcAft>
                <a:spcPct val="0"/>
              </a:spcAft>
              <a:buClr>
                <a:schemeClr val="accent2"/>
              </a:buClr>
              <a:buSzPct val="70000"/>
              <a:buFont typeface="Wingdings" pitchFamily="2" charset="2"/>
              <a:buChar char="¨"/>
              <a:defRPr sz="1800">
                <a:solidFill>
                  <a:schemeClr val="tx1"/>
                </a:solidFill>
                <a:latin typeface="+mn-lt"/>
              </a:defRPr>
            </a:lvl4pPr>
            <a:lvl5pPr marL="2057400" indent="-228600" algn="l" rtl="0" eaLnBrk="0" fontAlgn="base" hangingPunct="0">
              <a:spcBef>
                <a:spcPct val="20000"/>
              </a:spcBef>
              <a:spcAft>
                <a:spcPct val="0"/>
              </a:spcAft>
              <a:buClr>
                <a:schemeClr val="bg2"/>
              </a:buClr>
              <a:buFont typeface="Wingdings" pitchFamily="2" charset="2"/>
              <a:buChar char="§"/>
              <a:defRPr sz="1800">
                <a:solidFill>
                  <a:schemeClr val="tx1"/>
                </a:solidFill>
                <a:latin typeface="+mn-lt"/>
              </a:defRPr>
            </a:lvl5pPr>
            <a:lvl6pPr marL="2514600" indent="-228600" algn="l" rtl="0" fontAlgn="base">
              <a:spcBef>
                <a:spcPct val="20000"/>
              </a:spcBef>
              <a:spcAft>
                <a:spcPct val="0"/>
              </a:spcAft>
              <a:buClr>
                <a:schemeClr val="bg2"/>
              </a:buClr>
              <a:buFont typeface="Wingdings" pitchFamily="2" charset="2"/>
              <a:buChar char="§"/>
              <a:defRPr sz="1800">
                <a:solidFill>
                  <a:schemeClr val="tx1"/>
                </a:solidFill>
                <a:latin typeface="+mn-lt"/>
              </a:defRPr>
            </a:lvl6pPr>
            <a:lvl7pPr marL="2971800" indent="-228600" algn="l" rtl="0" fontAlgn="base">
              <a:spcBef>
                <a:spcPct val="20000"/>
              </a:spcBef>
              <a:spcAft>
                <a:spcPct val="0"/>
              </a:spcAft>
              <a:buClr>
                <a:schemeClr val="bg2"/>
              </a:buClr>
              <a:buFont typeface="Wingdings" pitchFamily="2" charset="2"/>
              <a:buChar char="§"/>
              <a:defRPr sz="1800">
                <a:solidFill>
                  <a:schemeClr val="tx1"/>
                </a:solidFill>
                <a:latin typeface="+mn-lt"/>
              </a:defRPr>
            </a:lvl7pPr>
            <a:lvl8pPr marL="3429000" indent="-228600" algn="l" rtl="0" fontAlgn="base">
              <a:spcBef>
                <a:spcPct val="20000"/>
              </a:spcBef>
              <a:spcAft>
                <a:spcPct val="0"/>
              </a:spcAft>
              <a:buClr>
                <a:schemeClr val="bg2"/>
              </a:buClr>
              <a:buFont typeface="Wingdings" pitchFamily="2" charset="2"/>
              <a:buChar char="§"/>
              <a:defRPr sz="1800">
                <a:solidFill>
                  <a:schemeClr val="tx1"/>
                </a:solidFill>
                <a:latin typeface="+mn-lt"/>
              </a:defRPr>
            </a:lvl8pPr>
            <a:lvl9pPr marL="3886200" indent="-228600" algn="l" rtl="0" fontAlgn="base">
              <a:spcBef>
                <a:spcPct val="20000"/>
              </a:spcBef>
              <a:spcAft>
                <a:spcPct val="0"/>
              </a:spcAft>
              <a:buClr>
                <a:schemeClr val="bg2"/>
              </a:buClr>
              <a:buFont typeface="Wingdings" pitchFamily="2" charset="2"/>
              <a:buChar char="§"/>
              <a:defRPr sz="1800">
                <a:solidFill>
                  <a:schemeClr val="tx1"/>
                </a:solidFill>
                <a:latin typeface="+mn-lt"/>
              </a:defRPr>
            </a:lvl9pPr>
          </a:lstStyle>
          <a:p>
            <a:pPr marL="0" indent="0">
              <a:lnSpc>
                <a:spcPct val="90000"/>
              </a:lnSpc>
              <a:buClr>
                <a:srgbClr val="00007D"/>
              </a:buClr>
              <a:buNone/>
            </a:pPr>
            <a:endParaRPr lang="nb-NO" sz="1050" b="1" kern="0">
              <a:solidFill>
                <a:srgbClr val="000000"/>
              </a:solidFill>
              <a:latin typeface="Arial"/>
            </a:endParaRPr>
          </a:p>
          <a:p>
            <a:pPr marL="0" indent="0">
              <a:lnSpc>
                <a:spcPct val="90000"/>
              </a:lnSpc>
              <a:buClr>
                <a:srgbClr val="00007D"/>
              </a:buClr>
              <a:buNone/>
            </a:pPr>
            <a:endParaRPr lang="nb-NO" sz="1050" b="1" kern="0">
              <a:solidFill>
                <a:srgbClr val="000000"/>
              </a:solidFill>
              <a:latin typeface="Arial"/>
            </a:endParaRPr>
          </a:p>
          <a:p>
            <a:pPr marL="0" indent="0">
              <a:lnSpc>
                <a:spcPct val="90000"/>
              </a:lnSpc>
              <a:buClr>
                <a:srgbClr val="00007D"/>
              </a:buClr>
              <a:buNone/>
            </a:pPr>
            <a:r>
              <a:rPr lang="nb-NO" sz="1050" b="1" kern="0">
                <a:solidFill>
                  <a:srgbClr val="000000"/>
                </a:solidFill>
                <a:latin typeface="Arial"/>
              </a:rPr>
              <a:t>Nora Kvernberg</a:t>
            </a:r>
          </a:p>
          <a:p>
            <a:pPr marL="0" indent="0">
              <a:lnSpc>
                <a:spcPct val="90000"/>
              </a:lnSpc>
              <a:buClr>
                <a:srgbClr val="00007D"/>
              </a:buClr>
              <a:buNone/>
            </a:pPr>
            <a:r>
              <a:rPr lang="nb-NO" sz="1050" i="1" kern="0">
                <a:solidFill>
                  <a:srgbClr val="000000"/>
                </a:solidFill>
                <a:latin typeface="Arial"/>
              </a:rPr>
              <a:t>Administrativ leder </a:t>
            </a:r>
          </a:p>
          <a:p>
            <a:pPr marL="0" indent="0">
              <a:lnSpc>
                <a:spcPct val="90000"/>
              </a:lnSpc>
              <a:buClr>
                <a:srgbClr val="00007D"/>
              </a:buClr>
              <a:buNone/>
            </a:pPr>
            <a:r>
              <a:rPr lang="nb-NO" sz="1050" kern="0">
                <a:solidFill>
                  <a:srgbClr val="000000"/>
                </a:solidFill>
                <a:latin typeface="Arial"/>
              </a:rPr>
              <a:t>(Multiconsult)</a:t>
            </a:r>
          </a:p>
          <a:p>
            <a:pPr marL="0" indent="0">
              <a:lnSpc>
                <a:spcPct val="90000"/>
              </a:lnSpc>
              <a:buClr>
                <a:srgbClr val="00007D"/>
              </a:buClr>
              <a:buNone/>
            </a:pPr>
            <a:endParaRPr lang="nb-NO" sz="1050" kern="0">
              <a:solidFill>
                <a:srgbClr val="000000"/>
              </a:solidFill>
              <a:latin typeface="Arial"/>
            </a:endParaRPr>
          </a:p>
          <a:p>
            <a:pPr marL="0" indent="0">
              <a:lnSpc>
                <a:spcPct val="90000"/>
              </a:lnSpc>
              <a:buClr>
                <a:srgbClr val="00007D"/>
              </a:buClr>
              <a:buNone/>
            </a:pPr>
            <a:r>
              <a:rPr lang="nb-NO" sz="1050" b="1" kern="0">
                <a:solidFill>
                  <a:srgbClr val="000000"/>
                </a:solidFill>
                <a:latin typeface="Arial"/>
              </a:rPr>
              <a:t>Torstein </a:t>
            </a:r>
            <a:r>
              <a:rPr lang="nb-NO" sz="1050" b="1" kern="0" err="1">
                <a:solidFill>
                  <a:srgbClr val="000000"/>
                </a:solidFill>
                <a:latin typeface="Arial"/>
              </a:rPr>
              <a:t>Husø</a:t>
            </a:r>
            <a:endParaRPr lang="nb-NO" sz="1050" b="1" kern="0">
              <a:solidFill>
                <a:srgbClr val="000000"/>
              </a:solidFill>
              <a:latin typeface="Arial"/>
            </a:endParaRPr>
          </a:p>
          <a:p>
            <a:pPr marL="0" indent="0">
              <a:lnSpc>
                <a:spcPct val="90000"/>
              </a:lnSpc>
              <a:buClr>
                <a:srgbClr val="00007D"/>
              </a:buClr>
              <a:buNone/>
            </a:pPr>
            <a:r>
              <a:rPr lang="nb-NO" sz="1050" i="1" kern="0">
                <a:solidFill>
                  <a:srgbClr val="000000"/>
                </a:solidFill>
                <a:latin typeface="Arial"/>
              </a:rPr>
              <a:t>Ansvarlig faggruppe medlemsadministrasjon </a:t>
            </a:r>
          </a:p>
          <a:p>
            <a:pPr marL="0" indent="0">
              <a:lnSpc>
                <a:spcPct val="90000"/>
              </a:lnSpc>
              <a:buClr>
                <a:srgbClr val="00007D"/>
              </a:buClr>
              <a:buNone/>
            </a:pPr>
            <a:r>
              <a:rPr lang="nb-NO" sz="1050" kern="0">
                <a:solidFill>
                  <a:srgbClr val="000000"/>
                </a:solidFill>
                <a:latin typeface="Arial"/>
              </a:rPr>
              <a:t>(Multiconsult)</a:t>
            </a:r>
          </a:p>
          <a:p>
            <a:pPr>
              <a:lnSpc>
                <a:spcPct val="90000"/>
              </a:lnSpc>
              <a:buClr>
                <a:srgbClr val="00007D"/>
              </a:buClr>
            </a:pPr>
            <a:endParaRPr lang="nb-NO" sz="1000" kern="0">
              <a:solidFill>
                <a:srgbClr val="000000"/>
              </a:solidFill>
              <a:latin typeface="Arial"/>
            </a:endParaRPr>
          </a:p>
        </p:txBody>
      </p:sp>
    </p:spTree>
    <p:extLst>
      <p:ext uri="{BB962C8B-B14F-4D97-AF65-F5344CB8AC3E}">
        <p14:creationId xmlns:p14="http://schemas.microsoft.com/office/powerpoint/2010/main" val="173426076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 name="Picture 16" descr="Close up of checklist">
            <a:extLst>
              <a:ext uri="{FF2B5EF4-FFF2-40B4-BE49-F238E27FC236}">
                <a16:creationId xmlns:a16="http://schemas.microsoft.com/office/drawing/2014/main" id="{0411AD53-3E60-F332-578F-73C8FAF525AD}"/>
              </a:ext>
            </a:extLst>
          </p:cNvPr>
          <p:cNvPicPr>
            <a:picLocks noChangeAspect="1"/>
          </p:cNvPicPr>
          <p:nvPr/>
        </p:nvPicPr>
        <p:blipFill>
          <a:blip r:embed="rId2" cstate="print">
            <a:alphaModFix amt="20000"/>
            <a:extLst>
              <a:ext uri="{28A0092B-C50C-407E-A947-70E740481C1C}">
                <a14:useLocalDpi xmlns:a14="http://schemas.microsoft.com/office/drawing/2010/main" val="0"/>
              </a:ext>
            </a:extLst>
          </a:blip>
          <a:srcRect t="15481"/>
          <a:stretch/>
        </p:blipFill>
        <p:spPr>
          <a:xfrm>
            <a:off x="0" y="-11675"/>
            <a:ext cx="12192000" cy="6869675"/>
          </a:xfrm>
          <a:prstGeom prst="rect">
            <a:avLst/>
          </a:prstGeom>
        </p:spPr>
      </p:pic>
      <p:sp>
        <p:nvSpPr>
          <p:cNvPr id="13" name="Title 12">
            <a:extLst>
              <a:ext uri="{FF2B5EF4-FFF2-40B4-BE49-F238E27FC236}">
                <a16:creationId xmlns:a16="http://schemas.microsoft.com/office/drawing/2014/main" id="{36525785-5F30-587A-82FD-D840C4496441}"/>
              </a:ext>
            </a:extLst>
          </p:cNvPr>
          <p:cNvSpPr>
            <a:spLocks noGrp="1"/>
          </p:cNvSpPr>
          <p:nvPr>
            <p:ph type="title"/>
          </p:nvPr>
        </p:nvSpPr>
        <p:spPr>
          <a:xfrm>
            <a:off x="1981200" y="961256"/>
            <a:ext cx="8229600" cy="914400"/>
          </a:xfrm>
        </p:spPr>
        <p:txBody>
          <a:bodyPr/>
          <a:lstStyle/>
          <a:p>
            <a:r>
              <a:rPr lang="nb-NO" sz="2400" b="1"/>
              <a:t>Valgkomité og revisor</a:t>
            </a:r>
          </a:p>
        </p:txBody>
      </p:sp>
      <p:sp>
        <p:nvSpPr>
          <p:cNvPr id="5" name="Text Placeholder 4">
            <a:extLst>
              <a:ext uri="{FF2B5EF4-FFF2-40B4-BE49-F238E27FC236}">
                <a16:creationId xmlns:a16="http://schemas.microsoft.com/office/drawing/2014/main" id="{7C6E2565-86E9-2E4D-EC9E-A376115C2132}"/>
              </a:ext>
            </a:extLst>
          </p:cNvPr>
          <p:cNvSpPr>
            <a:spLocks noGrp="1"/>
          </p:cNvSpPr>
          <p:nvPr>
            <p:ph sz="half" idx="1"/>
          </p:nvPr>
        </p:nvSpPr>
        <p:spPr>
          <a:xfrm>
            <a:off x="1981200" y="1871957"/>
            <a:ext cx="4038600" cy="3886200"/>
          </a:xfrm>
        </p:spPr>
        <p:txBody>
          <a:bodyPr/>
          <a:lstStyle/>
          <a:p>
            <a:pPr marL="0" indent="0">
              <a:buClr>
                <a:srgbClr val="00007D"/>
              </a:buClr>
              <a:buNone/>
              <a:defRPr/>
            </a:pPr>
            <a:r>
              <a:rPr lang="nb-NO" sz="1400" dirty="0">
                <a:solidFill>
                  <a:srgbClr val="000000"/>
                </a:solidFill>
                <a:latin typeface="Arial"/>
              </a:rPr>
              <a:t>Årsmøtet velger hvert år en valgkomite som skal bestå av tre personer.</a:t>
            </a:r>
          </a:p>
          <a:p>
            <a:pPr marL="0" indent="0">
              <a:buClr>
                <a:srgbClr val="00007D"/>
              </a:buClr>
              <a:buNone/>
              <a:defRPr/>
            </a:pPr>
            <a:endParaRPr lang="nb-NO" sz="1400" dirty="0">
              <a:solidFill>
                <a:srgbClr val="000000"/>
              </a:solidFill>
              <a:latin typeface="Arial"/>
            </a:endParaRPr>
          </a:p>
          <a:p>
            <a:pPr marL="0" indent="0">
              <a:buClr>
                <a:srgbClr val="00007D"/>
              </a:buClr>
              <a:buNone/>
              <a:defRPr/>
            </a:pPr>
            <a:r>
              <a:rPr lang="nb-NO" sz="1400" dirty="0">
                <a:solidFill>
                  <a:srgbClr val="000000"/>
                </a:solidFill>
                <a:latin typeface="Arial"/>
              </a:rPr>
              <a:t>Valgkomiteen arbeider selvstendig, på oppdrag fra Årsmøtet og skal på uavhengig grunnlag, innstille kandidater til nettverkets Styre.</a:t>
            </a:r>
          </a:p>
          <a:p>
            <a:pPr marL="0" indent="0">
              <a:buClr>
                <a:srgbClr val="00007D"/>
              </a:buClr>
              <a:buNone/>
              <a:defRPr/>
            </a:pPr>
            <a:endParaRPr lang="nb-NO" sz="1400" dirty="0">
              <a:solidFill>
                <a:srgbClr val="000000"/>
              </a:solidFill>
              <a:latin typeface="Arial"/>
            </a:endParaRPr>
          </a:p>
          <a:p>
            <a:pPr marL="0" indent="0">
              <a:buClr>
                <a:srgbClr val="00007D"/>
              </a:buClr>
              <a:buNone/>
              <a:defRPr/>
            </a:pPr>
            <a:r>
              <a:rPr lang="nb-NO" sz="1400" b="1" dirty="0">
                <a:solidFill>
                  <a:srgbClr val="000000"/>
                </a:solidFill>
                <a:latin typeface="Arial"/>
              </a:rPr>
              <a:t>Valgkomiteen i NfN for 2025/2026:</a:t>
            </a:r>
            <a:endParaRPr lang="nb-NO" sz="1400" dirty="0">
              <a:solidFill>
                <a:srgbClr val="000000"/>
              </a:solidFill>
              <a:latin typeface="Arial"/>
            </a:endParaRPr>
          </a:p>
          <a:p>
            <a:pPr marL="0" indent="0">
              <a:buClr>
                <a:srgbClr val="00007D"/>
              </a:buClr>
              <a:buNone/>
              <a:defRPr/>
            </a:pPr>
            <a:r>
              <a:rPr lang="nb-NO" sz="1400" dirty="0">
                <a:solidFill>
                  <a:srgbClr val="000000"/>
                </a:solidFill>
                <a:latin typeface="Arial"/>
              </a:rPr>
              <a:t>Alain Clerambault </a:t>
            </a:r>
          </a:p>
          <a:p>
            <a:pPr marL="0" indent="0">
              <a:buClr>
                <a:srgbClr val="00007D"/>
              </a:buClr>
              <a:buNone/>
              <a:defRPr/>
            </a:pPr>
            <a:r>
              <a:rPr lang="nb-NO" sz="1400" i="1" dirty="0">
                <a:solidFill>
                  <a:srgbClr val="000000"/>
                </a:solidFill>
                <a:latin typeface="Arial"/>
              </a:rPr>
              <a:t>Norges Bank         </a:t>
            </a:r>
          </a:p>
          <a:p>
            <a:pPr marL="0" indent="0">
              <a:buClr>
                <a:srgbClr val="00007D"/>
              </a:buClr>
              <a:buNone/>
              <a:defRPr/>
            </a:pPr>
            <a:endParaRPr lang="nb-NO" sz="1400" dirty="0">
              <a:solidFill>
                <a:srgbClr val="000000"/>
              </a:solidFill>
              <a:latin typeface="Arial"/>
            </a:endParaRPr>
          </a:p>
          <a:p>
            <a:pPr marL="0" indent="0">
              <a:buClr>
                <a:srgbClr val="00007D"/>
              </a:buClr>
              <a:buNone/>
              <a:defRPr/>
            </a:pPr>
            <a:r>
              <a:rPr lang="nb-NO" sz="1400" dirty="0">
                <a:solidFill>
                  <a:srgbClr val="000000"/>
                </a:solidFill>
                <a:latin typeface="Arial"/>
              </a:rPr>
              <a:t>Cathrine von Krogh	</a:t>
            </a:r>
          </a:p>
          <a:p>
            <a:pPr marL="0" indent="0">
              <a:buClr>
                <a:srgbClr val="00007D"/>
              </a:buClr>
              <a:buNone/>
              <a:defRPr/>
            </a:pPr>
            <a:r>
              <a:rPr lang="nb-NO" sz="1400" i="1" dirty="0">
                <a:solidFill>
                  <a:srgbClr val="000000"/>
                </a:solidFill>
                <a:latin typeface="Arial"/>
              </a:rPr>
              <a:t>Arbeids- og velferdsdirektoratet</a:t>
            </a:r>
          </a:p>
          <a:p>
            <a:pPr marL="0" indent="0">
              <a:buClr>
                <a:srgbClr val="00007D"/>
              </a:buClr>
              <a:buNone/>
              <a:defRPr/>
            </a:pPr>
            <a:endParaRPr lang="nb-NO" sz="1400" dirty="0">
              <a:solidFill>
                <a:srgbClr val="000000"/>
              </a:solidFill>
              <a:latin typeface="Arial"/>
            </a:endParaRPr>
          </a:p>
          <a:p>
            <a:pPr marL="0" indent="0">
              <a:buClr>
                <a:srgbClr val="00007D"/>
              </a:buClr>
              <a:buNone/>
              <a:defRPr/>
            </a:pPr>
            <a:r>
              <a:rPr lang="nb-NO" sz="1400" dirty="0">
                <a:solidFill>
                  <a:srgbClr val="000000"/>
                </a:solidFill>
                <a:latin typeface="Arial"/>
              </a:rPr>
              <a:t>Kirsten Faye Jordan	</a:t>
            </a:r>
          </a:p>
          <a:p>
            <a:pPr marL="0" indent="0">
              <a:buClr>
                <a:srgbClr val="00007D"/>
              </a:buClr>
              <a:buNone/>
              <a:defRPr/>
            </a:pPr>
            <a:r>
              <a:rPr lang="nb-NO" sz="1400" i="1" dirty="0">
                <a:solidFill>
                  <a:srgbClr val="000000"/>
                </a:solidFill>
                <a:latin typeface="Arial"/>
              </a:rPr>
              <a:t>KFJ </a:t>
            </a:r>
            <a:r>
              <a:rPr lang="nb-NO" sz="1400" i="1" dirty="0" err="1">
                <a:solidFill>
                  <a:srgbClr val="000000"/>
                </a:solidFill>
                <a:latin typeface="Arial"/>
              </a:rPr>
              <a:t>Consulting</a:t>
            </a:r>
            <a:endParaRPr lang="nb-NO" sz="1400" i="1" dirty="0">
              <a:solidFill>
                <a:srgbClr val="000000"/>
              </a:solidFill>
              <a:latin typeface="Arial"/>
            </a:endParaRPr>
          </a:p>
          <a:p>
            <a:pPr marL="0" indent="0">
              <a:buClr>
                <a:srgbClr val="00007D"/>
              </a:buClr>
              <a:buNone/>
              <a:defRPr/>
            </a:pPr>
            <a:endParaRPr lang="nb-NO" sz="1200" dirty="0">
              <a:solidFill>
                <a:srgbClr val="000000"/>
              </a:solidFill>
              <a:latin typeface="Arial"/>
            </a:endParaRPr>
          </a:p>
          <a:p>
            <a:endParaRPr lang="nb-NO" noProof="0" dirty="0"/>
          </a:p>
        </p:txBody>
      </p:sp>
      <p:sp>
        <p:nvSpPr>
          <p:cNvPr id="6" name="Content Placeholder 5">
            <a:extLst>
              <a:ext uri="{FF2B5EF4-FFF2-40B4-BE49-F238E27FC236}">
                <a16:creationId xmlns:a16="http://schemas.microsoft.com/office/drawing/2014/main" id="{F801137A-7E57-9E23-5BD3-77DB53000DC8}"/>
              </a:ext>
            </a:extLst>
          </p:cNvPr>
          <p:cNvSpPr>
            <a:spLocks noGrp="1"/>
          </p:cNvSpPr>
          <p:nvPr>
            <p:ph sz="half" idx="2"/>
          </p:nvPr>
        </p:nvSpPr>
        <p:spPr>
          <a:xfrm>
            <a:off x="6172202" y="1905000"/>
            <a:ext cx="4038600" cy="3886200"/>
          </a:xfrm>
        </p:spPr>
        <p:txBody>
          <a:bodyPr/>
          <a:lstStyle/>
          <a:p>
            <a:pPr marL="0" indent="0">
              <a:buClr>
                <a:srgbClr val="00007D"/>
              </a:buClr>
              <a:buNone/>
              <a:defRPr/>
            </a:pPr>
            <a:r>
              <a:rPr lang="nb-NO" sz="1400" dirty="0">
                <a:solidFill>
                  <a:srgbClr val="000000"/>
                </a:solidFill>
                <a:latin typeface="Arial"/>
              </a:rPr>
              <a:t>Årsmøtet velger hvert år, revisor for å revidere nettverkets regnskap for den kommende regnskapsperioden.</a:t>
            </a:r>
          </a:p>
          <a:p>
            <a:pPr marL="0" indent="0">
              <a:buClr>
                <a:srgbClr val="00007D"/>
              </a:buClr>
              <a:buNone/>
              <a:defRPr/>
            </a:pPr>
            <a:endParaRPr lang="nb-NO" sz="1400" dirty="0">
              <a:solidFill>
                <a:srgbClr val="000000"/>
              </a:solidFill>
              <a:latin typeface="Arial"/>
            </a:endParaRPr>
          </a:p>
          <a:p>
            <a:pPr marL="0" indent="0">
              <a:buClr>
                <a:srgbClr val="00007D"/>
              </a:buClr>
              <a:buNone/>
              <a:defRPr/>
            </a:pPr>
            <a:endParaRPr lang="nb-NO" sz="1400" dirty="0">
              <a:solidFill>
                <a:srgbClr val="000000"/>
              </a:solidFill>
              <a:latin typeface="Arial"/>
            </a:endParaRPr>
          </a:p>
          <a:p>
            <a:pPr marL="0" indent="0">
              <a:buClr>
                <a:srgbClr val="00007D"/>
              </a:buClr>
              <a:buNone/>
              <a:defRPr/>
            </a:pPr>
            <a:endParaRPr lang="nb-NO" sz="1400" dirty="0">
              <a:solidFill>
                <a:srgbClr val="000000"/>
              </a:solidFill>
              <a:latin typeface="Arial"/>
            </a:endParaRPr>
          </a:p>
          <a:p>
            <a:pPr marL="0" indent="0">
              <a:buClr>
                <a:srgbClr val="00007D"/>
              </a:buClr>
              <a:buNone/>
              <a:defRPr/>
            </a:pPr>
            <a:endParaRPr lang="nb-NO" sz="1400" dirty="0">
              <a:solidFill>
                <a:srgbClr val="000000"/>
              </a:solidFill>
              <a:latin typeface="Arial"/>
            </a:endParaRPr>
          </a:p>
          <a:p>
            <a:pPr marL="0" indent="0">
              <a:buClr>
                <a:srgbClr val="00007D"/>
              </a:buClr>
              <a:buNone/>
              <a:defRPr/>
            </a:pPr>
            <a:r>
              <a:rPr lang="nb-NO" sz="1400" b="1" dirty="0">
                <a:solidFill>
                  <a:srgbClr val="000000"/>
                </a:solidFill>
                <a:latin typeface="Arial"/>
              </a:rPr>
              <a:t>Revisor i NfN for 2025:</a:t>
            </a:r>
            <a:r>
              <a:rPr lang="nb-NO" sz="1400" dirty="0">
                <a:solidFill>
                  <a:srgbClr val="000000"/>
                </a:solidFill>
                <a:latin typeface="Arial"/>
              </a:rPr>
              <a:t> </a:t>
            </a:r>
          </a:p>
          <a:p>
            <a:pPr marL="0" indent="0">
              <a:buClr>
                <a:srgbClr val="00007D"/>
              </a:buClr>
              <a:buNone/>
              <a:defRPr/>
            </a:pPr>
            <a:r>
              <a:rPr lang="nb-NO" sz="1400" dirty="0">
                <a:solidFill>
                  <a:srgbClr val="000000"/>
                </a:solidFill>
                <a:latin typeface="Arial"/>
              </a:rPr>
              <a:t>Tor Smith Salvesen </a:t>
            </a:r>
          </a:p>
          <a:p>
            <a:pPr marL="0" indent="0">
              <a:buClr>
                <a:srgbClr val="00007D"/>
              </a:buClr>
              <a:buNone/>
              <a:defRPr/>
            </a:pPr>
            <a:r>
              <a:rPr lang="nb-NO" sz="1400" i="1" dirty="0">
                <a:solidFill>
                  <a:srgbClr val="000000"/>
                </a:solidFill>
                <a:latin typeface="Arial"/>
              </a:rPr>
              <a:t>Akershus Universitetssykehus HF     </a:t>
            </a:r>
          </a:p>
          <a:p>
            <a:pPr marL="0" indent="0">
              <a:buNone/>
            </a:pPr>
            <a:endParaRPr lang="nb-NO" sz="1200" dirty="0"/>
          </a:p>
          <a:p>
            <a:endParaRPr lang="nb-NO" noProof="0" dirty="0"/>
          </a:p>
        </p:txBody>
      </p:sp>
      <p:sp>
        <p:nvSpPr>
          <p:cNvPr id="7" name="Footer Placeholder 6">
            <a:extLst>
              <a:ext uri="{FF2B5EF4-FFF2-40B4-BE49-F238E27FC236}">
                <a16:creationId xmlns:a16="http://schemas.microsoft.com/office/drawing/2014/main" id="{E2BE6A21-8BC0-F697-6E30-82DB1B2539BB}"/>
              </a:ext>
            </a:extLst>
          </p:cNvPr>
          <p:cNvSpPr>
            <a:spLocks noGrp="1"/>
          </p:cNvSpPr>
          <p:nvPr>
            <p:ph type="ftr" sz="quarter" idx="10"/>
          </p:nvPr>
        </p:nvSpPr>
        <p:spPr/>
        <p:txBody>
          <a:bodyPr/>
          <a:lstStyle/>
          <a:p>
            <a:pPr fontAlgn="base">
              <a:spcBef>
                <a:spcPct val="0"/>
              </a:spcBef>
              <a:spcAft>
                <a:spcPct val="0"/>
              </a:spcAft>
              <a:defRPr/>
            </a:pPr>
            <a:r>
              <a:rPr lang="nb-NO">
                <a:solidFill>
                  <a:srgbClr val="00007D"/>
                </a:solidFill>
              </a:rPr>
              <a:t>NfN - NORSK NETTVERK FOR NÆRINGSEIENDOM</a:t>
            </a:r>
            <a:r>
              <a:rPr lang="nb-NO" b="0">
                <a:solidFill>
                  <a:srgbClr val="A8FFC8"/>
                </a:solidFill>
              </a:rPr>
              <a:t> </a:t>
            </a:r>
            <a:r>
              <a:rPr lang="nb-NO">
                <a:solidFill>
                  <a:srgbClr val="00007D"/>
                </a:solidFill>
              </a:rPr>
              <a:t>Norwegian </a:t>
            </a:r>
            <a:r>
              <a:rPr lang="nb-NO" err="1">
                <a:solidFill>
                  <a:srgbClr val="00007D"/>
                </a:solidFill>
              </a:rPr>
              <a:t>Facility</a:t>
            </a:r>
            <a:r>
              <a:rPr lang="nb-NO">
                <a:solidFill>
                  <a:srgbClr val="00007D"/>
                </a:solidFill>
              </a:rPr>
              <a:t> Management Network</a:t>
            </a:r>
          </a:p>
        </p:txBody>
      </p:sp>
      <p:sp>
        <p:nvSpPr>
          <p:cNvPr id="8" name="Slide Number Placeholder 7">
            <a:extLst>
              <a:ext uri="{FF2B5EF4-FFF2-40B4-BE49-F238E27FC236}">
                <a16:creationId xmlns:a16="http://schemas.microsoft.com/office/drawing/2014/main" id="{E0CADDE0-3341-E623-9172-96B89E536AB3}"/>
              </a:ext>
            </a:extLst>
          </p:cNvPr>
          <p:cNvSpPr>
            <a:spLocks noGrp="1"/>
          </p:cNvSpPr>
          <p:nvPr>
            <p:ph type="sldNum" sz="quarter" idx="11"/>
          </p:nvPr>
        </p:nvSpPr>
        <p:spPr/>
        <p:txBody>
          <a:bodyPr/>
          <a:lstStyle/>
          <a:p>
            <a:pPr fontAlgn="base">
              <a:spcBef>
                <a:spcPct val="0"/>
              </a:spcBef>
              <a:spcAft>
                <a:spcPct val="0"/>
              </a:spcAft>
              <a:defRPr/>
            </a:pPr>
            <a:fld id="{B8D33C5B-BCD3-4DE5-AC27-1CABF7792B82}" type="slidenum">
              <a:rPr lang="nb-NO">
                <a:solidFill>
                  <a:srgbClr val="A8FFC8"/>
                </a:solidFill>
              </a:rPr>
              <a:pPr fontAlgn="base">
                <a:spcBef>
                  <a:spcPct val="0"/>
                </a:spcBef>
                <a:spcAft>
                  <a:spcPct val="0"/>
                </a:spcAft>
                <a:defRPr/>
              </a:pPr>
              <a:t>6</a:t>
            </a:fld>
            <a:endParaRPr lang="nb-NO">
              <a:solidFill>
                <a:srgbClr val="A8FFC8"/>
              </a:solidFill>
            </a:endParaRPr>
          </a:p>
        </p:txBody>
      </p:sp>
    </p:spTree>
    <p:extLst>
      <p:ext uri="{BB962C8B-B14F-4D97-AF65-F5344CB8AC3E}">
        <p14:creationId xmlns:p14="http://schemas.microsoft.com/office/powerpoint/2010/main" val="207400093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E690B040-2C7E-EBF1-34A0-1A1FEBEA20BD}"/>
              </a:ext>
            </a:extLst>
          </p:cNvPr>
          <p:cNvSpPr>
            <a:spLocks noGrp="1"/>
          </p:cNvSpPr>
          <p:nvPr>
            <p:ph type="title"/>
          </p:nvPr>
        </p:nvSpPr>
        <p:spPr/>
        <p:txBody>
          <a:bodyPr/>
          <a:lstStyle/>
          <a:p>
            <a:r>
              <a:rPr lang="nb-NO" sz="2400" b="1"/>
              <a:t>Nettverksmøtene i 2025</a:t>
            </a:r>
          </a:p>
        </p:txBody>
      </p:sp>
      <p:sp>
        <p:nvSpPr>
          <p:cNvPr id="3" name="Plassholder for innhold 2">
            <a:extLst>
              <a:ext uri="{FF2B5EF4-FFF2-40B4-BE49-F238E27FC236}">
                <a16:creationId xmlns:a16="http://schemas.microsoft.com/office/drawing/2014/main" id="{9D8B0576-E8BB-A0D8-49AD-18F3977ACED7}"/>
              </a:ext>
            </a:extLst>
          </p:cNvPr>
          <p:cNvSpPr>
            <a:spLocks noGrp="1"/>
          </p:cNvSpPr>
          <p:nvPr>
            <p:ph idx="1"/>
          </p:nvPr>
        </p:nvSpPr>
        <p:spPr>
          <a:xfrm>
            <a:off x="1981200" y="1981200"/>
            <a:ext cx="4618856" cy="3886200"/>
          </a:xfrm>
        </p:spPr>
        <p:txBody>
          <a:bodyPr/>
          <a:lstStyle/>
          <a:p>
            <a:r>
              <a:rPr lang="nb-NO" sz="1300" dirty="0"/>
              <a:t>Nettverksmøtene og faglige aktiviteter har vært kjernen i </a:t>
            </a:r>
            <a:r>
              <a:rPr lang="nb-NO" sz="1300" dirty="0" err="1"/>
              <a:t>NfNs</a:t>
            </a:r>
            <a:r>
              <a:rPr lang="nb-NO" sz="1300" dirty="0"/>
              <a:t> virksomhet. </a:t>
            </a:r>
          </a:p>
          <a:p>
            <a:r>
              <a:rPr lang="nb-NO" sz="1300" dirty="0"/>
              <a:t>De fleste nettverksmøtene er digitale. Opptak av de digitale nettverksmøtene legges ut på hjemmesiden, og bruken av disse øker.</a:t>
            </a:r>
          </a:p>
          <a:p>
            <a:r>
              <a:rPr lang="nb-NO" sz="1300" dirty="0"/>
              <a:t>Det arrangeres også fysiske møter, som gir gode muligheter for relasjonsbygging.</a:t>
            </a:r>
          </a:p>
          <a:p>
            <a:r>
              <a:rPr lang="nb-NO" sz="1300" b="1" i="1" dirty="0"/>
              <a:t>Det har i 2025 vært avholdt 25 nettverksmøter, hvorav 21 digitale og 4 fysiske. </a:t>
            </a:r>
          </a:p>
          <a:p>
            <a:r>
              <a:rPr lang="nb-NO" sz="1300" dirty="0"/>
              <a:t>Interessen for faglige nettverksmøter i 2025 har vært relativt stor, med omtrent 39 deltakere per møte.</a:t>
            </a:r>
          </a:p>
          <a:p>
            <a:r>
              <a:rPr lang="nb-NO" sz="1300" dirty="0"/>
              <a:t>Emnevalget er basert på forslag fra medlemmene og mange av medlemsbedriftene har bidratt sterkt i programkomitéene med planlegging og gjennomføring av nettverksmøtene.</a:t>
            </a:r>
          </a:p>
          <a:p>
            <a:r>
              <a:rPr lang="nb-NO" sz="1300" dirty="0"/>
              <a:t>NfN Sykehus har egne faggruppemøter samt et benchmarking- og </a:t>
            </a:r>
            <a:r>
              <a:rPr lang="nb-NO" sz="1300" dirty="0" err="1"/>
              <a:t>benchlearning</a:t>
            </a:r>
            <a:r>
              <a:rPr lang="nb-NO" sz="1300" dirty="0"/>
              <a:t>-program, som suppleres med øvrige nettverksmøter.</a:t>
            </a:r>
          </a:p>
          <a:p>
            <a:endParaRPr lang="nb-NO" sz="1200" dirty="0"/>
          </a:p>
        </p:txBody>
      </p:sp>
      <p:sp>
        <p:nvSpPr>
          <p:cNvPr id="7" name="Plassholder for bunntekst 3">
            <a:extLst>
              <a:ext uri="{FF2B5EF4-FFF2-40B4-BE49-F238E27FC236}">
                <a16:creationId xmlns:a16="http://schemas.microsoft.com/office/drawing/2014/main" id="{59EFE6D0-58C0-A3EB-B71A-0EFDB5B81FB3}"/>
              </a:ext>
            </a:extLst>
          </p:cNvPr>
          <p:cNvSpPr>
            <a:spLocks noGrp="1"/>
          </p:cNvSpPr>
          <p:nvPr>
            <p:ph type="ftr" sz="quarter" idx="10"/>
          </p:nvPr>
        </p:nvSpPr>
        <p:spPr bwMode="auto">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normAutofit fontScale="92500" lnSpcReduction="20000"/>
          </a:bodyPr>
          <a:lstStyle/>
          <a:p>
            <a:pPr fontAlgn="base">
              <a:spcBef>
                <a:spcPct val="0"/>
              </a:spcBef>
              <a:spcAft>
                <a:spcPts val="600"/>
              </a:spcAft>
              <a:defRPr/>
            </a:pPr>
            <a:r>
              <a:rPr lang="nb-NO">
                <a:solidFill>
                  <a:srgbClr val="00007D"/>
                </a:solidFill>
              </a:rPr>
              <a:t>NfN</a:t>
            </a:r>
          </a:p>
          <a:p>
            <a:pPr fontAlgn="base">
              <a:spcBef>
                <a:spcPct val="0"/>
              </a:spcBef>
              <a:spcAft>
                <a:spcPts val="600"/>
              </a:spcAft>
              <a:defRPr/>
            </a:pPr>
            <a:r>
              <a:rPr lang="nb-NO">
                <a:solidFill>
                  <a:srgbClr val="00007D"/>
                </a:solidFill>
              </a:rPr>
              <a:t>Norwegian </a:t>
            </a:r>
            <a:r>
              <a:rPr lang="nb-NO" err="1">
                <a:solidFill>
                  <a:srgbClr val="00007D"/>
                </a:solidFill>
              </a:rPr>
              <a:t>Facility</a:t>
            </a:r>
            <a:r>
              <a:rPr lang="nb-NO">
                <a:solidFill>
                  <a:srgbClr val="00007D"/>
                </a:solidFill>
              </a:rPr>
              <a:t> Management Network</a:t>
            </a:r>
          </a:p>
        </p:txBody>
      </p:sp>
      <p:sp>
        <p:nvSpPr>
          <p:cNvPr id="4" name="Plassholder for lysbildenummer 3">
            <a:extLst>
              <a:ext uri="{FF2B5EF4-FFF2-40B4-BE49-F238E27FC236}">
                <a16:creationId xmlns:a16="http://schemas.microsoft.com/office/drawing/2014/main" id="{DCB72576-EC7B-0A90-5862-A05D71DF7B9C}"/>
              </a:ext>
            </a:extLst>
          </p:cNvPr>
          <p:cNvSpPr>
            <a:spLocks noGrp="1"/>
          </p:cNvSpPr>
          <p:nvPr>
            <p:ph type="sldNum" sz="quarter" idx="11"/>
          </p:nvPr>
        </p:nvSpPr>
        <p:spPr/>
        <p:txBody>
          <a:bodyPr/>
          <a:lstStyle/>
          <a:p>
            <a:pPr fontAlgn="base">
              <a:spcBef>
                <a:spcPct val="0"/>
              </a:spcBef>
              <a:spcAft>
                <a:spcPct val="0"/>
              </a:spcAft>
              <a:defRPr/>
            </a:pPr>
            <a:fld id="{247B0619-9F6E-41AA-AAFB-FC9846E0271E}" type="slidenum">
              <a:rPr lang="nb-NO">
                <a:solidFill>
                  <a:srgbClr val="A8FFC8"/>
                </a:solidFill>
              </a:rPr>
              <a:pPr fontAlgn="base">
                <a:spcBef>
                  <a:spcPct val="0"/>
                </a:spcBef>
                <a:spcAft>
                  <a:spcPct val="0"/>
                </a:spcAft>
                <a:defRPr/>
              </a:pPr>
              <a:t>7</a:t>
            </a:fld>
            <a:endParaRPr lang="nb-NO">
              <a:solidFill>
                <a:srgbClr val="A8FFC8"/>
              </a:solidFill>
            </a:endParaRPr>
          </a:p>
        </p:txBody>
      </p:sp>
      <p:pic>
        <p:nvPicPr>
          <p:cNvPr id="8" name="Picture 7">
            <a:extLst>
              <a:ext uri="{FF2B5EF4-FFF2-40B4-BE49-F238E27FC236}">
                <a16:creationId xmlns:a16="http://schemas.microsoft.com/office/drawing/2014/main" id="{DDE6240A-164F-171E-FC2C-3C619EE27690}"/>
              </a:ext>
            </a:extLst>
          </p:cNvPr>
          <p:cNvPicPr>
            <a:picLocks noChangeAspect="1"/>
          </p:cNvPicPr>
          <p:nvPr/>
        </p:nvPicPr>
        <p:blipFill>
          <a:blip r:embed="rId2"/>
          <a:stretch>
            <a:fillRect/>
          </a:stretch>
        </p:blipFill>
        <p:spPr>
          <a:xfrm>
            <a:off x="8129765" y="1087013"/>
            <a:ext cx="929609" cy="807766"/>
          </a:xfrm>
          <a:prstGeom prst="rect">
            <a:avLst/>
          </a:prstGeom>
        </p:spPr>
      </p:pic>
      <p:pic>
        <p:nvPicPr>
          <p:cNvPr id="13" name="Picture 12">
            <a:extLst>
              <a:ext uri="{FF2B5EF4-FFF2-40B4-BE49-F238E27FC236}">
                <a16:creationId xmlns:a16="http://schemas.microsoft.com/office/drawing/2014/main" id="{77E521ED-1144-8AEE-71BF-A94345C23D50}"/>
              </a:ext>
            </a:extLst>
          </p:cNvPr>
          <p:cNvPicPr>
            <a:picLocks noChangeAspect="1"/>
          </p:cNvPicPr>
          <p:nvPr/>
        </p:nvPicPr>
        <p:blipFill>
          <a:blip r:embed="rId3"/>
          <a:stretch>
            <a:fillRect/>
          </a:stretch>
        </p:blipFill>
        <p:spPr>
          <a:xfrm>
            <a:off x="9125286" y="2186613"/>
            <a:ext cx="1473846" cy="1356525"/>
          </a:xfrm>
          <a:prstGeom prst="rect">
            <a:avLst/>
          </a:prstGeom>
        </p:spPr>
      </p:pic>
      <p:pic>
        <p:nvPicPr>
          <p:cNvPr id="16" name="Picture 15">
            <a:extLst>
              <a:ext uri="{FF2B5EF4-FFF2-40B4-BE49-F238E27FC236}">
                <a16:creationId xmlns:a16="http://schemas.microsoft.com/office/drawing/2014/main" id="{C6BE149B-DD6B-1B65-0FB4-D29D407BED40}"/>
              </a:ext>
            </a:extLst>
          </p:cNvPr>
          <p:cNvPicPr>
            <a:picLocks noChangeAspect="1"/>
          </p:cNvPicPr>
          <p:nvPr/>
        </p:nvPicPr>
        <p:blipFill>
          <a:blip r:embed="rId4"/>
          <a:stretch>
            <a:fillRect/>
          </a:stretch>
        </p:blipFill>
        <p:spPr>
          <a:xfrm>
            <a:off x="9037026" y="5338742"/>
            <a:ext cx="1630974" cy="1366859"/>
          </a:xfrm>
          <a:prstGeom prst="rect">
            <a:avLst/>
          </a:prstGeom>
        </p:spPr>
      </p:pic>
      <p:pic>
        <p:nvPicPr>
          <p:cNvPr id="19" name="Picture 18">
            <a:extLst>
              <a:ext uri="{FF2B5EF4-FFF2-40B4-BE49-F238E27FC236}">
                <a16:creationId xmlns:a16="http://schemas.microsoft.com/office/drawing/2014/main" id="{0EE96332-8109-54A1-23B4-12ADFACC25F2}"/>
              </a:ext>
            </a:extLst>
          </p:cNvPr>
          <p:cNvPicPr>
            <a:picLocks noChangeAspect="1"/>
          </p:cNvPicPr>
          <p:nvPr/>
        </p:nvPicPr>
        <p:blipFill>
          <a:blip r:embed="rId5"/>
          <a:srcRect r="-1371" b="31153"/>
          <a:stretch>
            <a:fillRect/>
          </a:stretch>
        </p:blipFill>
        <p:spPr>
          <a:xfrm>
            <a:off x="7560102" y="5338742"/>
            <a:ext cx="1450975" cy="1427906"/>
          </a:xfrm>
          <a:prstGeom prst="rect">
            <a:avLst/>
          </a:prstGeom>
        </p:spPr>
      </p:pic>
      <p:pic>
        <p:nvPicPr>
          <p:cNvPr id="23" name="Picture 22">
            <a:extLst>
              <a:ext uri="{FF2B5EF4-FFF2-40B4-BE49-F238E27FC236}">
                <a16:creationId xmlns:a16="http://schemas.microsoft.com/office/drawing/2014/main" id="{429B665D-9AC3-04C5-3153-9983A438B765}"/>
              </a:ext>
            </a:extLst>
          </p:cNvPr>
          <p:cNvPicPr>
            <a:picLocks noChangeAspect="1"/>
          </p:cNvPicPr>
          <p:nvPr/>
        </p:nvPicPr>
        <p:blipFill>
          <a:blip r:embed="rId6"/>
          <a:srcRect t="24951" r="-825"/>
          <a:stretch>
            <a:fillRect/>
          </a:stretch>
        </p:blipFill>
        <p:spPr>
          <a:xfrm>
            <a:off x="9059373" y="420566"/>
            <a:ext cx="1565184" cy="1766047"/>
          </a:xfrm>
          <a:prstGeom prst="rect">
            <a:avLst/>
          </a:prstGeom>
        </p:spPr>
      </p:pic>
      <p:pic>
        <p:nvPicPr>
          <p:cNvPr id="25" name="Picture 24">
            <a:extLst>
              <a:ext uri="{FF2B5EF4-FFF2-40B4-BE49-F238E27FC236}">
                <a16:creationId xmlns:a16="http://schemas.microsoft.com/office/drawing/2014/main" id="{68FD9C20-D565-6F81-EA01-706FEFC4C3B3}"/>
              </a:ext>
            </a:extLst>
          </p:cNvPr>
          <p:cNvPicPr>
            <a:picLocks noChangeAspect="1"/>
          </p:cNvPicPr>
          <p:nvPr/>
        </p:nvPicPr>
        <p:blipFill>
          <a:blip r:embed="rId7"/>
          <a:stretch>
            <a:fillRect/>
          </a:stretch>
        </p:blipFill>
        <p:spPr>
          <a:xfrm>
            <a:off x="9059373" y="3593195"/>
            <a:ext cx="1565184" cy="1466825"/>
          </a:xfrm>
          <a:prstGeom prst="rect">
            <a:avLst/>
          </a:prstGeom>
        </p:spPr>
      </p:pic>
      <p:pic>
        <p:nvPicPr>
          <p:cNvPr id="27" name="Picture 26">
            <a:extLst>
              <a:ext uri="{FF2B5EF4-FFF2-40B4-BE49-F238E27FC236}">
                <a16:creationId xmlns:a16="http://schemas.microsoft.com/office/drawing/2014/main" id="{3ACB5A23-78A2-C494-02AA-3623276B8114}"/>
              </a:ext>
            </a:extLst>
          </p:cNvPr>
          <p:cNvPicPr>
            <a:picLocks noChangeAspect="1"/>
          </p:cNvPicPr>
          <p:nvPr/>
        </p:nvPicPr>
        <p:blipFill>
          <a:blip r:embed="rId8"/>
          <a:stretch>
            <a:fillRect/>
          </a:stretch>
        </p:blipFill>
        <p:spPr>
          <a:xfrm>
            <a:off x="7560102" y="1919807"/>
            <a:ext cx="1565184" cy="3109394"/>
          </a:xfrm>
          <a:prstGeom prst="rect">
            <a:avLst/>
          </a:prstGeom>
        </p:spPr>
      </p:pic>
    </p:spTree>
    <p:extLst>
      <p:ext uri="{BB962C8B-B14F-4D97-AF65-F5344CB8AC3E}">
        <p14:creationId xmlns:p14="http://schemas.microsoft.com/office/powerpoint/2010/main" val="55165570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D529A23C-B920-45EB-BCD9-EFF0AC6EF75C}"/>
              </a:ext>
            </a:extLst>
          </p:cNvPr>
          <p:cNvSpPr>
            <a:spLocks noGrp="1"/>
          </p:cNvSpPr>
          <p:nvPr>
            <p:ph type="title"/>
          </p:nvPr>
        </p:nvSpPr>
        <p:spPr>
          <a:xfrm>
            <a:off x="1981200" y="914400"/>
            <a:ext cx="8229600" cy="914400"/>
          </a:xfrm>
        </p:spPr>
        <p:txBody>
          <a:bodyPr wrap="square" anchor="ctr">
            <a:normAutofit/>
          </a:bodyPr>
          <a:lstStyle/>
          <a:p>
            <a:r>
              <a:rPr lang="nb-NO" sz="2400" b="1" dirty="0"/>
              <a:t>NfN Sykehus – Faggrupper i 2025 </a:t>
            </a:r>
          </a:p>
        </p:txBody>
      </p:sp>
      <p:pic>
        <p:nvPicPr>
          <p:cNvPr id="8" name="Content Placeholder 7" descr="Aerial of healthcare colleagues">
            <a:extLst>
              <a:ext uri="{FF2B5EF4-FFF2-40B4-BE49-F238E27FC236}">
                <a16:creationId xmlns:a16="http://schemas.microsoft.com/office/drawing/2014/main" id="{200388E3-8292-CB3A-6D18-8EC06DA12EF6}"/>
              </a:ext>
            </a:extLst>
          </p:cNvPr>
          <p:cNvPicPr>
            <a:picLocks noGrp="1" noChangeAspect="1"/>
          </p:cNvPicPr>
          <p:nvPr>
            <p:ph sz="half" idx="1"/>
          </p:nvPr>
        </p:nvPicPr>
        <p:blipFill>
          <a:blip r:embed="rId3" cstate="print">
            <a:extLst>
              <a:ext uri="{28A0092B-C50C-407E-A947-70E740481C1C}">
                <a14:useLocalDpi xmlns:a14="http://schemas.microsoft.com/office/drawing/2010/main" val="0"/>
              </a:ext>
            </a:extLst>
          </a:blip>
          <a:srcRect l="43146" t="1" r="7046" b="-4"/>
          <a:stretch/>
        </p:blipFill>
        <p:spPr>
          <a:xfrm>
            <a:off x="1981200" y="1981200"/>
            <a:ext cx="3024336" cy="3886200"/>
          </a:xfrm>
          <a:noFill/>
        </p:spPr>
      </p:pic>
      <p:sp>
        <p:nvSpPr>
          <p:cNvPr id="3" name="Plassholder for innhold 2">
            <a:extLst>
              <a:ext uri="{FF2B5EF4-FFF2-40B4-BE49-F238E27FC236}">
                <a16:creationId xmlns:a16="http://schemas.microsoft.com/office/drawing/2014/main" id="{C9519E0D-F71C-4BB0-A714-E856C6C69DBA}"/>
              </a:ext>
            </a:extLst>
          </p:cNvPr>
          <p:cNvSpPr>
            <a:spLocks noGrp="1"/>
          </p:cNvSpPr>
          <p:nvPr>
            <p:ph sz="half" idx="2"/>
          </p:nvPr>
        </p:nvSpPr>
        <p:spPr>
          <a:xfrm>
            <a:off x="5303912" y="1981200"/>
            <a:ext cx="4906888" cy="3886200"/>
          </a:xfrm>
        </p:spPr>
        <p:txBody>
          <a:bodyPr wrap="square" anchor="t">
            <a:normAutofit fontScale="92500"/>
          </a:bodyPr>
          <a:lstStyle/>
          <a:p>
            <a:pPr marL="0" indent="0">
              <a:lnSpc>
                <a:spcPct val="110000"/>
              </a:lnSpc>
              <a:buNone/>
            </a:pPr>
            <a:r>
              <a:rPr lang="nb-NO" sz="1800" dirty="0"/>
              <a:t>NfN Sykehus er et nettverk i NfN og arbeider strukturert og målrettet med fag, nøkkeltallsrapportering og benchmarking.</a:t>
            </a:r>
            <a:br>
              <a:rPr lang="nb-NO" sz="1800" dirty="0"/>
            </a:br>
            <a:br>
              <a:rPr lang="nb-NO" sz="1800" dirty="0"/>
            </a:br>
            <a:r>
              <a:rPr lang="nb-NO" sz="1800" dirty="0" err="1"/>
              <a:t>NfN</a:t>
            </a:r>
            <a:r>
              <a:rPr lang="nb-NO" sz="1800" dirty="0"/>
              <a:t> Sykehus hadde følgende Faggrupper i 2025: </a:t>
            </a:r>
            <a:endParaRPr lang="nb-NO" noProof="0" dirty="0">
              <a:cs typeface="Arial"/>
            </a:endParaRPr>
          </a:p>
          <a:p>
            <a:pPr>
              <a:lnSpc>
                <a:spcPct val="110000"/>
              </a:lnSpc>
            </a:pPr>
            <a:r>
              <a:rPr lang="nb-NO" sz="1800" dirty="0"/>
              <a:t>FM-ledelse</a:t>
            </a:r>
          </a:p>
          <a:p>
            <a:pPr>
              <a:lnSpc>
                <a:spcPct val="110000"/>
              </a:lnSpc>
            </a:pPr>
            <a:r>
              <a:rPr lang="nb-NO" sz="1800" dirty="0"/>
              <a:t>Forvaltning og utvikling</a:t>
            </a:r>
          </a:p>
          <a:p>
            <a:pPr>
              <a:lnSpc>
                <a:spcPct val="110000"/>
              </a:lnSpc>
            </a:pPr>
            <a:r>
              <a:rPr lang="nb-NO" sz="1800" dirty="0"/>
              <a:t>Drift og vedlikehold</a:t>
            </a:r>
          </a:p>
          <a:p>
            <a:pPr>
              <a:lnSpc>
                <a:spcPct val="110000"/>
              </a:lnSpc>
            </a:pPr>
            <a:r>
              <a:rPr lang="nb-NO" sz="1800" dirty="0"/>
              <a:t>Energi</a:t>
            </a:r>
          </a:p>
          <a:p>
            <a:pPr>
              <a:lnSpc>
                <a:spcPct val="110000"/>
              </a:lnSpc>
            </a:pPr>
            <a:r>
              <a:rPr lang="nb-NO" sz="1800" dirty="0"/>
              <a:t>Renhold</a:t>
            </a:r>
          </a:p>
          <a:p>
            <a:pPr>
              <a:lnSpc>
                <a:spcPct val="110000"/>
              </a:lnSpc>
            </a:pPr>
            <a:r>
              <a:rPr lang="nb-NO" sz="1800" dirty="0"/>
              <a:t>Kontortjenester</a:t>
            </a:r>
          </a:p>
          <a:p>
            <a:pPr>
              <a:lnSpc>
                <a:spcPct val="110000"/>
              </a:lnSpc>
            </a:pPr>
            <a:r>
              <a:rPr lang="nb-NO" sz="1800" dirty="0"/>
              <a:t>Mat og drikke</a:t>
            </a:r>
          </a:p>
          <a:p>
            <a:pPr marL="457200" lvl="1" indent="0">
              <a:lnSpc>
                <a:spcPct val="90000"/>
              </a:lnSpc>
              <a:buNone/>
            </a:pPr>
            <a:endParaRPr lang="nb-NO" sz="1300" dirty="0"/>
          </a:p>
        </p:txBody>
      </p:sp>
      <p:sp>
        <p:nvSpPr>
          <p:cNvPr id="7" name="Plassholder for bunntekst 3">
            <a:extLst>
              <a:ext uri="{FF2B5EF4-FFF2-40B4-BE49-F238E27FC236}">
                <a16:creationId xmlns:a16="http://schemas.microsoft.com/office/drawing/2014/main" id="{AB1E0163-0789-FBEB-74CF-65ED501DB540}"/>
              </a:ext>
            </a:extLst>
          </p:cNvPr>
          <p:cNvSpPr>
            <a:spLocks noGrp="1"/>
          </p:cNvSpPr>
          <p:nvPr>
            <p:ph type="ftr" sz="quarter" idx="10"/>
          </p:nvPr>
        </p:nvSpPr>
        <p:spPr bwMode="auto">
          <a:xfrm>
            <a:off x="3719514" y="6248400"/>
            <a:ext cx="4321175" cy="457200"/>
          </a:xfrm>
        </p:spPr>
        <p:txBody>
          <a:bodyPr vert="horz" wrap="square" lIns="91440" tIns="45720" rIns="91440" bIns="45720" numCol="1" anchor="b" anchorCtr="0" compatLnSpc="1">
            <a:prstTxWarp prst="textNoShape">
              <a:avLst/>
            </a:prstTxWarp>
            <a:normAutofit/>
          </a:bodyPr>
          <a:lstStyle/>
          <a:p>
            <a:pPr fontAlgn="base">
              <a:lnSpc>
                <a:spcPct val="90000"/>
              </a:lnSpc>
              <a:spcBef>
                <a:spcPct val="0"/>
              </a:spcBef>
              <a:spcAft>
                <a:spcPts val="600"/>
              </a:spcAft>
              <a:defRPr/>
            </a:pPr>
            <a:r>
              <a:rPr lang="nb-NO" sz="1000">
                <a:solidFill>
                  <a:srgbClr val="00007D"/>
                </a:solidFill>
              </a:rPr>
              <a:t>NfN</a:t>
            </a:r>
          </a:p>
          <a:p>
            <a:pPr fontAlgn="base">
              <a:lnSpc>
                <a:spcPct val="90000"/>
              </a:lnSpc>
              <a:spcBef>
                <a:spcPct val="0"/>
              </a:spcBef>
              <a:spcAft>
                <a:spcPts val="600"/>
              </a:spcAft>
              <a:defRPr/>
            </a:pPr>
            <a:r>
              <a:rPr lang="nb-NO" sz="1000">
                <a:solidFill>
                  <a:srgbClr val="00007D"/>
                </a:solidFill>
              </a:rPr>
              <a:t>Norwegian </a:t>
            </a:r>
            <a:r>
              <a:rPr lang="nb-NO" sz="1000" err="1">
                <a:solidFill>
                  <a:srgbClr val="00007D"/>
                </a:solidFill>
              </a:rPr>
              <a:t>Facility</a:t>
            </a:r>
            <a:r>
              <a:rPr lang="nb-NO" sz="1000">
                <a:solidFill>
                  <a:srgbClr val="00007D"/>
                </a:solidFill>
              </a:rPr>
              <a:t> Management Network</a:t>
            </a:r>
          </a:p>
        </p:txBody>
      </p:sp>
      <p:sp>
        <p:nvSpPr>
          <p:cNvPr id="6" name="Plassholder for lysbildenummer 5">
            <a:extLst>
              <a:ext uri="{FF2B5EF4-FFF2-40B4-BE49-F238E27FC236}">
                <a16:creationId xmlns:a16="http://schemas.microsoft.com/office/drawing/2014/main" id="{7213F6D1-A1DF-4E2B-930B-2B2506900453}"/>
              </a:ext>
            </a:extLst>
          </p:cNvPr>
          <p:cNvSpPr>
            <a:spLocks noGrp="1"/>
          </p:cNvSpPr>
          <p:nvPr>
            <p:ph type="sldNum" sz="quarter" idx="11"/>
          </p:nvPr>
        </p:nvSpPr>
        <p:spPr>
          <a:xfrm>
            <a:off x="8759826" y="6248400"/>
            <a:ext cx="1450975" cy="457200"/>
          </a:xfrm>
        </p:spPr>
        <p:txBody>
          <a:bodyPr wrap="square" anchor="b">
            <a:normAutofit/>
          </a:bodyPr>
          <a:lstStyle/>
          <a:p>
            <a:pPr fontAlgn="base">
              <a:spcBef>
                <a:spcPct val="0"/>
              </a:spcBef>
              <a:spcAft>
                <a:spcPts val="600"/>
              </a:spcAft>
              <a:defRPr/>
            </a:pPr>
            <a:fld id="{F0BA6984-9ACB-4E76-B1C8-DF4CEFE456E6}" type="slidenum">
              <a:rPr lang="nb-NO">
                <a:solidFill>
                  <a:srgbClr val="A8FFC8"/>
                </a:solidFill>
              </a:rPr>
              <a:pPr fontAlgn="base">
                <a:spcBef>
                  <a:spcPct val="0"/>
                </a:spcBef>
                <a:spcAft>
                  <a:spcPts val="600"/>
                </a:spcAft>
                <a:defRPr/>
              </a:pPr>
              <a:t>8</a:t>
            </a:fld>
            <a:endParaRPr lang="nb-NO">
              <a:solidFill>
                <a:srgbClr val="A8FFC8"/>
              </a:solidFill>
            </a:endParaRPr>
          </a:p>
        </p:txBody>
      </p:sp>
      <p:sp>
        <p:nvSpPr>
          <p:cNvPr id="11" name="Plassholder for innhold 2">
            <a:extLst>
              <a:ext uri="{FF2B5EF4-FFF2-40B4-BE49-F238E27FC236}">
                <a16:creationId xmlns:a16="http://schemas.microsoft.com/office/drawing/2014/main" id="{E39D1D4D-F25E-9734-419E-75946573567A}"/>
              </a:ext>
            </a:extLst>
          </p:cNvPr>
          <p:cNvSpPr txBox="1">
            <a:spLocks/>
          </p:cNvSpPr>
          <p:nvPr/>
        </p:nvSpPr>
        <p:spPr bwMode="auto">
          <a:xfrm>
            <a:off x="8184232" y="3437610"/>
            <a:ext cx="3619128" cy="2230760"/>
          </a:xfrm>
          <a:prstGeom prst="rect">
            <a:avLst/>
          </a:prstGeom>
          <a:noFill/>
          <a:ln w="9525">
            <a:noFill/>
            <a:miter lim="800000"/>
            <a:headEnd/>
            <a:tailEnd/>
          </a:ln>
        </p:spPr>
        <p:txBody>
          <a:bodyPr vert="horz" wrap="square" lIns="91440" tIns="45720" rIns="91440" bIns="45720" numCol="1" anchor="t" anchorCtr="0" compatLnSpc="1">
            <a:prstTxWarp prst="textNoShape">
              <a:avLst/>
            </a:prstTxWarp>
            <a:normAutofit/>
          </a:bodyPr>
          <a:lstStyle>
            <a:lvl1pPr marL="342900" indent="-342900" algn="l" rtl="0" eaLnBrk="0" fontAlgn="base" hangingPunct="0">
              <a:spcBef>
                <a:spcPct val="20000"/>
              </a:spcBef>
              <a:spcAft>
                <a:spcPct val="0"/>
              </a:spcAft>
              <a:buClr>
                <a:schemeClr val="bg2"/>
              </a:buClr>
              <a:buSzPct val="75000"/>
              <a:buFont typeface="Wingdings" pitchFamily="2" charset="2"/>
              <a:buChar char="n"/>
              <a:defRPr sz="2800">
                <a:solidFill>
                  <a:schemeClr val="tx1"/>
                </a:solidFill>
                <a:latin typeface="+mn-lt"/>
                <a:ea typeface="+mn-ea"/>
                <a:cs typeface="+mn-cs"/>
              </a:defRPr>
            </a:lvl1pPr>
            <a:lvl2pPr marL="742950" indent="-285750" algn="l" rtl="0" eaLnBrk="0" fontAlgn="base" hangingPunct="0">
              <a:spcBef>
                <a:spcPct val="20000"/>
              </a:spcBef>
              <a:spcAft>
                <a:spcPct val="0"/>
              </a:spcAft>
              <a:buClr>
                <a:schemeClr val="accent2"/>
              </a:buClr>
              <a:buSzPct val="80000"/>
              <a:buFont typeface="Wingdings" pitchFamily="2" charset="2"/>
              <a:buChar char="¨"/>
              <a:defRPr sz="2400">
                <a:solidFill>
                  <a:schemeClr val="tx1"/>
                </a:solidFill>
                <a:latin typeface="+mn-lt"/>
              </a:defRPr>
            </a:lvl2pPr>
            <a:lvl3pPr marL="1143000" indent="-228600" algn="l" rtl="0" eaLnBrk="0" fontAlgn="base" hangingPunct="0">
              <a:spcBef>
                <a:spcPct val="20000"/>
              </a:spcBef>
              <a:spcAft>
                <a:spcPct val="0"/>
              </a:spcAft>
              <a:buClr>
                <a:schemeClr val="bg2"/>
              </a:buClr>
              <a:buSzPct val="65000"/>
              <a:buFont typeface="Wingdings" pitchFamily="2" charset="2"/>
              <a:buChar char="n"/>
              <a:defRPr sz="2000">
                <a:solidFill>
                  <a:schemeClr val="tx1"/>
                </a:solidFill>
                <a:latin typeface="+mn-lt"/>
              </a:defRPr>
            </a:lvl3pPr>
            <a:lvl4pPr marL="1600200" indent="-228600" algn="l" rtl="0" eaLnBrk="0" fontAlgn="base" hangingPunct="0">
              <a:spcBef>
                <a:spcPct val="20000"/>
              </a:spcBef>
              <a:spcAft>
                <a:spcPct val="0"/>
              </a:spcAft>
              <a:buClr>
                <a:schemeClr val="accent2"/>
              </a:buClr>
              <a:buSzPct val="70000"/>
              <a:buFont typeface="Wingdings" pitchFamily="2" charset="2"/>
              <a:buChar char="¨"/>
              <a:defRPr sz="1800">
                <a:solidFill>
                  <a:schemeClr val="tx1"/>
                </a:solidFill>
                <a:latin typeface="+mn-lt"/>
              </a:defRPr>
            </a:lvl4pPr>
            <a:lvl5pPr marL="2057400" indent="-228600" algn="l" rtl="0" eaLnBrk="0" fontAlgn="base" hangingPunct="0">
              <a:spcBef>
                <a:spcPct val="20000"/>
              </a:spcBef>
              <a:spcAft>
                <a:spcPct val="0"/>
              </a:spcAft>
              <a:buClr>
                <a:schemeClr val="bg2"/>
              </a:buClr>
              <a:buFont typeface="Wingdings" pitchFamily="2" charset="2"/>
              <a:buChar char="§"/>
              <a:defRPr sz="1800">
                <a:solidFill>
                  <a:schemeClr val="tx1"/>
                </a:solidFill>
                <a:latin typeface="+mn-lt"/>
              </a:defRPr>
            </a:lvl5pPr>
            <a:lvl6pPr marL="2514600" indent="-228600" algn="l" rtl="0" fontAlgn="base">
              <a:spcBef>
                <a:spcPct val="20000"/>
              </a:spcBef>
              <a:spcAft>
                <a:spcPct val="0"/>
              </a:spcAft>
              <a:buClr>
                <a:schemeClr val="bg2"/>
              </a:buClr>
              <a:buFont typeface="Wingdings" pitchFamily="2" charset="2"/>
              <a:buChar char="§"/>
              <a:defRPr sz="1800">
                <a:solidFill>
                  <a:schemeClr val="tx1"/>
                </a:solidFill>
                <a:latin typeface="+mn-lt"/>
              </a:defRPr>
            </a:lvl6pPr>
            <a:lvl7pPr marL="2971800" indent="-228600" algn="l" rtl="0" fontAlgn="base">
              <a:spcBef>
                <a:spcPct val="20000"/>
              </a:spcBef>
              <a:spcAft>
                <a:spcPct val="0"/>
              </a:spcAft>
              <a:buClr>
                <a:schemeClr val="bg2"/>
              </a:buClr>
              <a:buFont typeface="Wingdings" pitchFamily="2" charset="2"/>
              <a:buChar char="§"/>
              <a:defRPr sz="1800">
                <a:solidFill>
                  <a:schemeClr val="tx1"/>
                </a:solidFill>
                <a:latin typeface="+mn-lt"/>
              </a:defRPr>
            </a:lvl7pPr>
            <a:lvl8pPr marL="3429000" indent="-228600" algn="l" rtl="0" fontAlgn="base">
              <a:spcBef>
                <a:spcPct val="20000"/>
              </a:spcBef>
              <a:spcAft>
                <a:spcPct val="0"/>
              </a:spcAft>
              <a:buClr>
                <a:schemeClr val="bg2"/>
              </a:buClr>
              <a:buFont typeface="Wingdings" pitchFamily="2" charset="2"/>
              <a:buChar char="§"/>
              <a:defRPr sz="1800">
                <a:solidFill>
                  <a:schemeClr val="tx1"/>
                </a:solidFill>
                <a:latin typeface="+mn-lt"/>
              </a:defRPr>
            </a:lvl8pPr>
            <a:lvl9pPr marL="3886200" indent="-228600" algn="l" rtl="0" fontAlgn="base">
              <a:spcBef>
                <a:spcPct val="20000"/>
              </a:spcBef>
              <a:spcAft>
                <a:spcPct val="0"/>
              </a:spcAft>
              <a:buClr>
                <a:schemeClr val="bg2"/>
              </a:buClr>
              <a:buFont typeface="Wingdings" pitchFamily="2" charset="2"/>
              <a:buChar char="§"/>
              <a:defRPr sz="1800">
                <a:solidFill>
                  <a:schemeClr val="tx1"/>
                </a:solidFill>
                <a:latin typeface="+mn-lt"/>
              </a:defRPr>
            </a:lvl9pPr>
          </a:lstStyle>
          <a:p>
            <a:pPr marL="0" indent="0">
              <a:lnSpc>
                <a:spcPct val="110000"/>
              </a:lnSpc>
              <a:buClr>
                <a:srgbClr val="00007D"/>
              </a:buClr>
              <a:buNone/>
            </a:pPr>
            <a:endParaRPr lang="nb-NO" sz="1800" kern="0">
              <a:solidFill>
                <a:srgbClr val="000000"/>
              </a:solidFill>
              <a:latin typeface="Arial"/>
            </a:endParaRPr>
          </a:p>
          <a:p>
            <a:pPr>
              <a:lnSpc>
                <a:spcPct val="110000"/>
              </a:lnSpc>
              <a:buClr>
                <a:srgbClr val="00007D"/>
              </a:buClr>
            </a:pPr>
            <a:r>
              <a:rPr lang="nb-NO" sz="1800" kern="0">
                <a:solidFill>
                  <a:srgbClr val="000000"/>
                </a:solidFill>
                <a:latin typeface="Arial"/>
              </a:rPr>
              <a:t>Tekstiler</a:t>
            </a:r>
          </a:p>
          <a:p>
            <a:pPr>
              <a:lnSpc>
                <a:spcPct val="110000"/>
              </a:lnSpc>
              <a:buClr>
                <a:srgbClr val="00007D"/>
              </a:buClr>
            </a:pPr>
            <a:r>
              <a:rPr lang="nb-NO" sz="1800" kern="0">
                <a:solidFill>
                  <a:srgbClr val="000000"/>
                </a:solidFill>
                <a:latin typeface="Arial"/>
              </a:rPr>
              <a:t>Portørtjenester</a:t>
            </a:r>
          </a:p>
          <a:p>
            <a:pPr>
              <a:lnSpc>
                <a:spcPct val="110000"/>
              </a:lnSpc>
              <a:buClr>
                <a:srgbClr val="00007D"/>
              </a:buClr>
            </a:pPr>
            <a:r>
              <a:rPr lang="nb-NO" sz="1800" kern="0">
                <a:solidFill>
                  <a:srgbClr val="000000"/>
                </a:solidFill>
                <a:latin typeface="Arial"/>
              </a:rPr>
              <a:t>Kundesenter</a:t>
            </a:r>
          </a:p>
          <a:p>
            <a:pPr>
              <a:lnSpc>
                <a:spcPct val="110000"/>
              </a:lnSpc>
              <a:buClr>
                <a:srgbClr val="00007D"/>
              </a:buClr>
            </a:pPr>
            <a:r>
              <a:rPr lang="nb-NO" sz="1800" kern="0">
                <a:solidFill>
                  <a:srgbClr val="000000"/>
                </a:solidFill>
                <a:latin typeface="Arial"/>
              </a:rPr>
              <a:t>Controller</a:t>
            </a:r>
          </a:p>
          <a:p>
            <a:pPr>
              <a:lnSpc>
                <a:spcPct val="110000"/>
              </a:lnSpc>
              <a:buClr>
                <a:srgbClr val="00007D"/>
              </a:buClr>
            </a:pPr>
            <a:r>
              <a:rPr lang="nb-NO" sz="1800" kern="0">
                <a:solidFill>
                  <a:srgbClr val="000000"/>
                </a:solidFill>
                <a:latin typeface="Arial"/>
              </a:rPr>
              <a:t>Logistikk</a:t>
            </a:r>
          </a:p>
          <a:p>
            <a:pPr marL="457200" lvl="1" indent="0">
              <a:lnSpc>
                <a:spcPct val="90000"/>
              </a:lnSpc>
              <a:buClr>
                <a:srgbClr val="9999CC"/>
              </a:buClr>
              <a:buNone/>
            </a:pPr>
            <a:endParaRPr lang="nb-NO" sz="1300" kern="0">
              <a:solidFill>
                <a:srgbClr val="000000"/>
              </a:solidFill>
              <a:latin typeface="Arial"/>
            </a:endParaRPr>
          </a:p>
        </p:txBody>
      </p:sp>
    </p:spTree>
    <p:extLst>
      <p:ext uri="{BB962C8B-B14F-4D97-AF65-F5344CB8AC3E}">
        <p14:creationId xmlns:p14="http://schemas.microsoft.com/office/powerpoint/2010/main" val="193560579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5993017-FD31-C4BF-35BF-F02637108BB8}"/>
              </a:ext>
            </a:extLst>
          </p:cNvPr>
          <p:cNvSpPr>
            <a:spLocks noGrp="1"/>
          </p:cNvSpPr>
          <p:nvPr>
            <p:ph type="title"/>
          </p:nvPr>
        </p:nvSpPr>
        <p:spPr>
          <a:xfrm>
            <a:off x="1981200" y="971722"/>
            <a:ext cx="8075240" cy="282352"/>
          </a:xfrm>
        </p:spPr>
        <p:txBody>
          <a:bodyPr/>
          <a:lstStyle/>
          <a:p>
            <a:pPr algn="ctr"/>
            <a:r>
              <a:rPr lang="nb-NO" sz="2400" b="1" dirty="0" err="1"/>
              <a:t>NfNs</a:t>
            </a:r>
            <a:r>
              <a:rPr lang="nb-NO" sz="2400" b="1" dirty="0"/>
              <a:t> Programkomiteer i 2025</a:t>
            </a:r>
          </a:p>
        </p:txBody>
      </p:sp>
      <p:sp>
        <p:nvSpPr>
          <p:cNvPr id="3" name="Content Placeholder 2">
            <a:extLst>
              <a:ext uri="{FF2B5EF4-FFF2-40B4-BE49-F238E27FC236}">
                <a16:creationId xmlns:a16="http://schemas.microsoft.com/office/drawing/2014/main" id="{A09A1A59-FE9B-2A65-5D48-DB2EF56C7C4D}"/>
              </a:ext>
            </a:extLst>
          </p:cNvPr>
          <p:cNvSpPr>
            <a:spLocks noGrp="1"/>
          </p:cNvSpPr>
          <p:nvPr>
            <p:ph sz="half" idx="1"/>
          </p:nvPr>
        </p:nvSpPr>
        <p:spPr>
          <a:xfrm>
            <a:off x="1981200" y="1291278"/>
            <a:ext cx="4038600" cy="4401213"/>
          </a:xfrm>
        </p:spPr>
        <p:txBody>
          <a:bodyPr/>
          <a:lstStyle/>
          <a:p>
            <a:pPr marL="0" indent="0">
              <a:buNone/>
            </a:pPr>
            <a:r>
              <a:rPr lang="nb-NO" sz="1200" b="1" dirty="0" err="1">
                <a:ea typeface="ＭＳ Ｐゴシック" panose="020B0600070205080204" pitchFamily="34" charset="-128"/>
              </a:rPr>
              <a:t>Workplace</a:t>
            </a:r>
            <a:r>
              <a:rPr lang="nb-NO" sz="1200" b="1" dirty="0">
                <a:ea typeface="ＭＳ Ｐゴシック" panose="020B0600070205080204" pitchFamily="34" charset="-128"/>
              </a:rPr>
              <a:t> management:  </a:t>
            </a:r>
          </a:p>
          <a:p>
            <a:r>
              <a:rPr lang="nb-NO" sz="1200" dirty="0">
                <a:ea typeface="ＭＳ Ｐゴシック" panose="020B0600070205080204" pitchFamily="34" charset="-128"/>
              </a:rPr>
              <a:t>Hanne Nesteby, Norges Bank</a:t>
            </a:r>
          </a:p>
          <a:p>
            <a:r>
              <a:rPr lang="nb-NO" sz="1200" dirty="0">
                <a:ea typeface="ＭＳ Ｐゴシック" panose="020B0600070205080204" pitchFamily="34" charset="-128"/>
              </a:rPr>
              <a:t>Hege Resvoll Skaug, Nordea Bank</a:t>
            </a:r>
          </a:p>
          <a:p>
            <a:pPr>
              <a:defRPr/>
            </a:pPr>
            <a:r>
              <a:rPr lang="nb-NO" sz="1200" kern="1200" dirty="0">
                <a:solidFill>
                  <a:schemeClr val="tx2"/>
                </a:solidFill>
              </a:rPr>
              <a:t>Tord Ekeland, Aker Solutions</a:t>
            </a:r>
            <a:endParaRPr lang="nb-NO" sz="1200" dirty="0">
              <a:solidFill>
                <a:schemeClr val="tx2"/>
              </a:solidFill>
              <a:ea typeface="ＭＳ Ｐゴシック" panose="020B0600070205080204" pitchFamily="34" charset="-128"/>
            </a:endParaRPr>
          </a:p>
          <a:p>
            <a:r>
              <a:rPr lang="nb-NO" sz="1200" dirty="0"/>
              <a:t>Vivi-Ann Conradi, Visma (fra mai)</a:t>
            </a:r>
          </a:p>
          <a:p>
            <a:r>
              <a:rPr lang="nb-NO" sz="1200" dirty="0"/>
              <a:t>Kenneth Bull, DNB (fra oktober)</a:t>
            </a:r>
          </a:p>
          <a:p>
            <a:r>
              <a:rPr lang="nb-NO" sz="1200" dirty="0"/>
              <a:t>Svein Ronald Kristiansen, BI (fra oktober)</a:t>
            </a:r>
          </a:p>
          <a:p>
            <a:r>
              <a:rPr lang="nb-NO" sz="1200" dirty="0"/>
              <a:t>Cecilie Jordheim Bjørgås, ISS</a:t>
            </a:r>
          </a:p>
          <a:p>
            <a:pPr marL="0" indent="0">
              <a:buNone/>
            </a:pPr>
            <a:endParaRPr lang="nb-NO" sz="1200" dirty="0">
              <a:ea typeface="ＭＳ Ｐゴシック" panose="020B0600070205080204" pitchFamily="34" charset="-128"/>
            </a:endParaRPr>
          </a:p>
          <a:p>
            <a:pPr marL="0" indent="0">
              <a:buNone/>
            </a:pPr>
            <a:r>
              <a:rPr lang="nb-NO" sz="1200" b="1" kern="1200" dirty="0">
                <a:ea typeface="ＭＳ Ｐゴシック" panose="020B0600070205080204" pitchFamily="34" charset="-128"/>
              </a:rPr>
              <a:t>Bespisning:</a:t>
            </a:r>
          </a:p>
          <a:p>
            <a:r>
              <a:rPr lang="nb-NO" sz="1200" kern="1200" dirty="0">
                <a:ea typeface="ＭＳ Ｐゴシック" panose="020B0600070205080204" pitchFamily="34" charset="-128"/>
              </a:rPr>
              <a:t>Stephan Härdi, DNB </a:t>
            </a:r>
          </a:p>
          <a:p>
            <a:r>
              <a:rPr lang="nb-NO" sz="1200" kern="1200" dirty="0">
                <a:ea typeface="ＭＳ Ｐゴシック" panose="020B0600070205080204" pitchFamily="34" charset="-128"/>
              </a:rPr>
              <a:t>Gunnar Kvamme, St. Olavs hospital</a:t>
            </a:r>
          </a:p>
          <a:p>
            <a:r>
              <a:rPr lang="nb-NO" sz="1200" kern="1200" dirty="0">
                <a:ea typeface="ＭＳ Ｐゴシック" panose="020B0600070205080204" pitchFamily="34" charset="-128"/>
              </a:rPr>
              <a:t>Tove Zapffe og June Johannesen, DSS</a:t>
            </a:r>
          </a:p>
          <a:p>
            <a:r>
              <a:rPr lang="nb-NO" sz="1200" kern="1200" dirty="0">
                <a:ea typeface="ＭＳ Ｐゴシック" panose="020B0600070205080204" pitchFamily="34" charset="-128"/>
              </a:rPr>
              <a:t>Elin Vestre, Gjensidige Forsikring ASA </a:t>
            </a:r>
          </a:p>
          <a:p>
            <a:r>
              <a:rPr lang="nb-NO" sz="1200" kern="1200" dirty="0">
                <a:ea typeface="ＭＳ Ｐゴシック" panose="020B0600070205080204" pitchFamily="34" charset="-128"/>
              </a:rPr>
              <a:t>Grete Kristiansen, Norges Bank </a:t>
            </a:r>
          </a:p>
          <a:p>
            <a:r>
              <a:rPr lang="nb-NO" sz="1200" kern="1200" dirty="0">
                <a:ea typeface="ＭＳ Ｐゴシック" panose="020B0600070205080204" pitchFamily="34" charset="-128"/>
              </a:rPr>
              <a:t>Anne-Marie Husted Knudsgaard, Telenor </a:t>
            </a:r>
          </a:p>
          <a:p>
            <a:pPr marL="0" indent="0">
              <a:buNone/>
            </a:pPr>
            <a:endParaRPr lang="nb-NO" sz="1200" b="1" dirty="0">
              <a:ea typeface="ＭＳ Ｐゴシック" panose="020B0600070205080204" pitchFamily="34" charset="-128"/>
            </a:endParaRPr>
          </a:p>
          <a:p>
            <a:pPr marL="0" indent="0">
              <a:buNone/>
            </a:pPr>
            <a:r>
              <a:rPr lang="nb-NO" sz="1200" b="1" dirty="0">
                <a:ea typeface="ＭＳ Ｐゴシック" panose="020B0600070205080204" pitchFamily="34" charset="-128"/>
              </a:rPr>
              <a:t>DV og Energiledelse:</a:t>
            </a:r>
          </a:p>
          <a:p>
            <a:r>
              <a:rPr lang="nb-NO" sz="1200" dirty="0">
                <a:ea typeface="ＭＳ Ｐゴシック" panose="020B0600070205080204" pitchFamily="34" charset="-128"/>
              </a:rPr>
              <a:t>Anders Oswald, Telenor Real </a:t>
            </a:r>
            <a:r>
              <a:rPr lang="nb-NO" sz="1200" dirty="0" err="1">
                <a:ea typeface="ＭＳ Ｐゴシック" panose="020B0600070205080204" pitchFamily="34" charset="-128"/>
              </a:rPr>
              <a:t>Estate</a:t>
            </a:r>
            <a:endParaRPr lang="nb-NO" sz="1200" dirty="0">
              <a:ea typeface="ＭＳ Ｐゴシック" panose="020B0600070205080204" pitchFamily="34" charset="-128"/>
            </a:endParaRPr>
          </a:p>
          <a:p>
            <a:r>
              <a:rPr lang="nb-NO" sz="1200" dirty="0">
                <a:ea typeface="ＭＳ Ｐゴシック" panose="020B0600070205080204" pitchFamily="34" charset="-128"/>
              </a:rPr>
              <a:t>Jørn Austbø, Skatteetaten</a:t>
            </a:r>
          </a:p>
          <a:p>
            <a:r>
              <a:rPr lang="nb-NO" sz="1200" dirty="0">
                <a:ea typeface="ＭＳ Ｐゴシック" panose="020B0600070205080204" pitchFamily="34" charset="-128"/>
              </a:rPr>
              <a:t>Jan Lervik, Sykehuset Østfold</a:t>
            </a:r>
          </a:p>
          <a:p>
            <a:r>
              <a:rPr lang="nb-NO" sz="1200" dirty="0">
                <a:ea typeface="ＭＳ Ｐゴシック" panose="020B0600070205080204" pitchFamily="34" charset="-128"/>
              </a:rPr>
              <a:t>Kari Blumer, </a:t>
            </a:r>
            <a:r>
              <a:rPr lang="nb-NO" sz="1200" dirty="0" err="1">
                <a:ea typeface="ＭＳ Ｐゴシック" panose="020B0600070205080204" pitchFamily="34" charset="-128"/>
              </a:rPr>
              <a:t>Coor</a:t>
            </a:r>
            <a:endParaRPr lang="nb-NO" sz="1200" dirty="0">
              <a:ea typeface="ＭＳ Ｐゴシック" panose="020B0600070205080204" pitchFamily="34" charset="-128"/>
            </a:endParaRPr>
          </a:p>
          <a:p>
            <a:r>
              <a:rPr lang="nb-NO" sz="1200" dirty="0">
                <a:ea typeface="ＭＳ Ｐゴシック" panose="020B0600070205080204" pitchFamily="34" charset="-128"/>
              </a:rPr>
              <a:t>Erik Braun, NHO Eiendom</a:t>
            </a:r>
          </a:p>
          <a:p>
            <a:r>
              <a:rPr lang="nb-NO" sz="1200" dirty="0">
                <a:ea typeface="ＭＳ Ｐゴシック" panose="020B0600070205080204" pitchFamily="34" charset="-128"/>
              </a:rPr>
              <a:t>Bjørn Arve Gunnes, If</a:t>
            </a:r>
          </a:p>
          <a:p>
            <a:endParaRPr lang="nb-NO" sz="1400" kern="1200" dirty="0">
              <a:ea typeface="ＭＳ Ｐゴシック" panose="020B0600070205080204" pitchFamily="34" charset="-128"/>
            </a:endParaRPr>
          </a:p>
          <a:p>
            <a:endParaRPr lang="nb-NO" sz="1400" kern="1200" dirty="0">
              <a:ea typeface="ＭＳ Ｐゴシック" panose="020B0600070205080204" pitchFamily="34" charset="-128"/>
            </a:endParaRPr>
          </a:p>
          <a:p>
            <a:endParaRPr lang="nb-NO" sz="1400" dirty="0">
              <a:ea typeface="ＭＳ Ｐゴシック" panose="020B0600070205080204" pitchFamily="34" charset="-128"/>
            </a:endParaRPr>
          </a:p>
          <a:p>
            <a:pPr marL="0" indent="0">
              <a:buNone/>
            </a:pPr>
            <a:endParaRPr lang="nb-NO" sz="1400" dirty="0">
              <a:ea typeface="ＭＳ Ｐゴシック" panose="020B0600070205080204" pitchFamily="34" charset="-128"/>
            </a:endParaRPr>
          </a:p>
          <a:p>
            <a:endParaRPr lang="nb-NO" noProof="0" dirty="0"/>
          </a:p>
        </p:txBody>
      </p:sp>
      <p:sp>
        <p:nvSpPr>
          <p:cNvPr id="4" name="Content Placeholder 3">
            <a:extLst>
              <a:ext uri="{FF2B5EF4-FFF2-40B4-BE49-F238E27FC236}">
                <a16:creationId xmlns:a16="http://schemas.microsoft.com/office/drawing/2014/main" id="{069CE93D-B0D2-ED4D-0550-B4667AF906A7}"/>
              </a:ext>
            </a:extLst>
          </p:cNvPr>
          <p:cNvSpPr>
            <a:spLocks noGrp="1"/>
          </p:cNvSpPr>
          <p:nvPr>
            <p:ph sz="half" idx="2"/>
          </p:nvPr>
        </p:nvSpPr>
        <p:spPr>
          <a:xfrm>
            <a:off x="6101900" y="1484784"/>
            <a:ext cx="3963291" cy="4598640"/>
          </a:xfrm>
        </p:spPr>
        <p:txBody>
          <a:bodyPr/>
          <a:lstStyle/>
          <a:p>
            <a:pPr marL="0" indent="0">
              <a:buNone/>
            </a:pPr>
            <a:r>
              <a:rPr lang="nb-NO" sz="1200" b="1" dirty="0" err="1">
                <a:ea typeface="ＭＳ Ｐゴシック" panose="020B0600070205080204" pitchFamily="34" charset="-128"/>
              </a:rPr>
              <a:t>Proptech</a:t>
            </a:r>
            <a:r>
              <a:rPr lang="nb-NO" sz="1200" b="1" dirty="0">
                <a:ea typeface="ＭＳ Ｐゴシック" panose="020B0600070205080204" pitchFamily="34" charset="-128"/>
              </a:rPr>
              <a:t>/FM-systemer:</a:t>
            </a:r>
          </a:p>
          <a:p>
            <a:r>
              <a:rPr lang="nb-NO" sz="1200" dirty="0">
                <a:ea typeface="ＭＳ Ｐゴシック" panose="020B0600070205080204" pitchFamily="34" charset="-128"/>
              </a:rPr>
              <a:t>Trude L. Harneshaug, If</a:t>
            </a:r>
          </a:p>
          <a:p>
            <a:r>
              <a:rPr lang="nb-NO" sz="1200" dirty="0">
                <a:ea typeface="ＭＳ Ｐゴシック" panose="020B0600070205080204" pitchFamily="34" charset="-128"/>
              </a:rPr>
              <a:t>Kenneth Bull, DNB</a:t>
            </a:r>
          </a:p>
          <a:p>
            <a:r>
              <a:rPr lang="nb-NO" sz="1200" dirty="0">
                <a:ea typeface="ＭＳ Ｐゴシック" panose="020B0600070205080204" pitchFamily="34" charset="-128"/>
              </a:rPr>
              <a:t>Vegar </a:t>
            </a:r>
            <a:r>
              <a:rPr lang="nb-NO" sz="1200" dirty="0" err="1">
                <a:ea typeface="ＭＳ Ｐゴシック" panose="020B0600070205080204" pitchFamily="34" charset="-128"/>
              </a:rPr>
              <a:t>Sandstrak</a:t>
            </a:r>
            <a:r>
              <a:rPr lang="nb-NO" sz="1200" dirty="0">
                <a:ea typeface="ＭＳ Ｐゴシック" panose="020B0600070205080204" pitchFamily="34" charset="-128"/>
              </a:rPr>
              <a:t>, Sodexo, </a:t>
            </a:r>
          </a:p>
          <a:p>
            <a:r>
              <a:rPr lang="nb-NO" sz="1200" dirty="0">
                <a:ea typeface="ＭＳ Ｐゴシック" panose="020B0600070205080204" pitchFamily="34" charset="-128"/>
              </a:rPr>
              <a:t>Svein Ronald Kristiansen, BI </a:t>
            </a:r>
          </a:p>
          <a:p>
            <a:r>
              <a:rPr lang="nb-NO" sz="1200" dirty="0">
                <a:ea typeface="ＭＳ Ｐゴシック" panose="020B0600070205080204" pitchFamily="34" charset="-128"/>
              </a:rPr>
              <a:t>Jørn Austbø, Skatteetaten</a:t>
            </a:r>
          </a:p>
          <a:p>
            <a:r>
              <a:rPr lang="nb-NO" sz="1200" kern="1200" dirty="0">
                <a:ea typeface="ＭＳ Ｐゴシック" panose="020B0600070205080204" pitchFamily="34" charset="-128"/>
              </a:rPr>
              <a:t>Victoria Einarsen Westvik, </a:t>
            </a:r>
            <a:r>
              <a:rPr lang="nb-NO" sz="1200" kern="1200" dirty="0" err="1">
                <a:ea typeface="ＭＳ Ｐゴシック" panose="020B0600070205080204" pitchFamily="34" charset="-128"/>
              </a:rPr>
              <a:t>Planon</a:t>
            </a:r>
            <a:r>
              <a:rPr lang="nb-NO" sz="1200" kern="1200" dirty="0">
                <a:ea typeface="ＭＳ Ｐゴシック" panose="020B0600070205080204" pitchFamily="34" charset="-128"/>
              </a:rPr>
              <a:t> Software</a:t>
            </a:r>
          </a:p>
          <a:p>
            <a:r>
              <a:rPr lang="nb-NO" sz="1200" kern="1200" dirty="0">
                <a:ea typeface="ＭＳ Ｐゴシック" panose="020B0600070205080204" pitchFamily="34" charset="-128"/>
              </a:rPr>
              <a:t>Bjørn Henning Hammer, St. Olavs hospital</a:t>
            </a:r>
          </a:p>
          <a:p>
            <a:pPr marL="0" indent="0">
              <a:buNone/>
            </a:pPr>
            <a:endParaRPr lang="nb-NO" sz="1200" b="1" kern="1200" dirty="0">
              <a:ea typeface="ＭＳ Ｐゴシック" panose="020B0600070205080204" pitchFamily="34" charset="-128"/>
            </a:endParaRPr>
          </a:p>
          <a:p>
            <a:pPr marL="0" indent="0">
              <a:buNone/>
            </a:pPr>
            <a:r>
              <a:rPr lang="nb-NO" sz="1200" b="1" kern="1200" dirty="0">
                <a:ea typeface="ＭＳ Ｐゴシック" panose="020B0600070205080204" pitchFamily="34" charset="-128"/>
              </a:rPr>
              <a:t>Renhold: </a:t>
            </a:r>
          </a:p>
          <a:p>
            <a:r>
              <a:rPr lang="nb-NO" sz="1200" kern="1200" dirty="0">
                <a:solidFill>
                  <a:schemeClr val="tx2"/>
                </a:solidFill>
                <a:ea typeface="ＭＳ Ｐゴシック" panose="020B0600070205080204" pitchFamily="34" charset="-128"/>
              </a:rPr>
              <a:t>Liv Hiis Bergh, DSS </a:t>
            </a:r>
          </a:p>
          <a:p>
            <a:r>
              <a:rPr lang="nb-NO" sz="1200" kern="1200" dirty="0">
                <a:solidFill>
                  <a:schemeClr val="tx2"/>
                </a:solidFill>
                <a:ea typeface="ＭＳ Ｐゴシック" panose="020B0600070205080204" pitchFamily="34" charset="-128"/>
              </a:rPr>
              <a:t>Lise Haugen Slorby, Arbeids- og velferdsdirektoratet</a:t>
            </a:r>
          </a:p>
          <a:p>
            <a:pPr>
              <a:defRPr/>
            </a:pPr>
            <a:r>
              <a:rPr lang="nb-NO" sz="1200" kern="1200" dirty="0">
                <a:solidFill>
                  <a:schemeClr val="tx2"/>
                </a:solidFill>
              </a:rPr>
              <a:t>Monika Gransborg Hovi, Politiets Fellestjenester (frem til oktober)</a:t>
            </a:r>
          </a:p>
          <a:p>
            <a:pPr>
              <a:defRPr/>
            </a:pPr>
            <a:r>
              <a:rPr lang="nb-NO" sz="1200" kern="1200" dirty="0">
                <a:solidFill>
                  <a:schemeClr val="tx2"/>
                </a:solidFill>
              </a:rPr>
              <a:t>Nicoleta Ionica Arnestad, Politiets Fellestjenester (fra oktober)</a:t>
            </a:r>
          </a:p>
          <a:p>
            <a:pPr>
              <a:defRPr/>
            </a:pPr>
            <a:r>
              <a:rPr lang="nb-NO" sz="1200" kern="1200" dirty="0">
                <a:solidFill>
                  <a:schemeClr val="tx2"/>
                </a:solidFill>
              </a:rPr>
              <a:t>Asbjørg Torpe, </a:t>
            </a:r>
            <a:r>
              <a:rPr lang="nb-NO" sz="1200" kern="1200" dirty="0" err="1">
                <a:solidFill>
                  <a:schemeClr val="tx2"/>
                </a:solidFill>
              </a:rPr>
              <a:t>Coor</a:t>
            </a:r>
            <a:endParaRPr lang="nb-NO" sz="1200" kern="1200" dirty="0">
              <a:solidFill>
                <a:schemeClr val="tx2"/>
              </a:solidFill>
              <a:ea typeface="ＭＳ Ｐゴシック" panose="020B0600070205080204" pitchFamily="34" charset="-128"/>
            </a:endParaRPr>
          </a:p>
          <a:p>
            <a:r>
              <a:rPr lang="nb-NO" sz="1200" kern="1200" dirty="0">
                <a:solidFill>
                  <a:schemeClr val="tx2"/>
                </a:solidFill>
                <a:ea typeface="ＭＳ Ｐゴシック" panose="020B0600070205080204" pitchFamily="34" charset="-128"/>
              </a:rPr>
              <a:t>Anastasia Gavrilyuk, If </a:t>
            </a:r>
          </a:p>
          <a:p>
            <a:r>
              <a:rPr lang="nb-NO" sz="1200" kern="1200" dirty="0">
                <a:solidFill>
                  <a:schemeClr val="tx2"/>
                </a:solidFill>
                <a:ea typeface="ＭＳ Ｐゴシック" panose="020B0600070205080204" pitchFamily="34" charset="-128"/>
              </a:rPr>
              <a:t>Beate Voetman, Akershus universitetssykehus</a:t>
            </a:r>
          </a:p>
          <a:p>
            <a:pPr>
              <a:defRPr/>
            </a:pPr>
            <a:endParaRPr lang="nb-NO" sz="1200" kern="1200" dirty="0">
              <a:solidFill>
                <a:schemeClr val="tx2"/>
              </a:solidFill>
            </a:endParaRPr>
          </a:p>
          <a:p>
            <a:endParaRPr lang="nb-NO" noProof="0" dirty="0"/>
          </a:p>
        </p:txBody>
      </p:sp>
      <p:sp>
        <p:nvSpPr>
          <p:cNvPr id="6" name="Slide Number Placeholder 5">
            <a:extLst>
              <a:ext uri="{FF2B5EF4-FFF2-40B4-BE49-F238E27FC236}">
                <a16:creationId xmlns:a16="http://schemas.microsoft.com/office/drawing/2014/main" id="{53356FED-91B4-B26D-71BE-DF18373F0737}"/>
              </a:ext>
            </a:extLst>
          </p:cNvPr>
          <p:cNvSpPr>
            <a:spLocks noGrp="1"/>
          </p:cNvSpPr>
          <p:nvPr>
            <p:ph type="sldNum" sz="quarter" idx="11"/>
          </p:nvPr>
        </p:nvSpPr>
        <p:spPr/>
        <p:txBody>
          <a:bodyPr/>
          <a:lstStyle/>
          <a:p>
            <a:pPr fontAlgn="base">
              <a:spcBef>
                <a:spcPct val="0"/>
              </a:spcBef>
              <a:spcAft>
                <a:spcPct val="0"/>
              </a:spcAft>
              <a:defRPr/>
            </a:pPr>
            <a:fld id="{F0BA6984-9ACB-4E76-B1C8-DF4CEFE456E6}" type="slidenum">
              <a:rPr lang="nb-NO">
                <a:solidFill>
                  <a:srgbClr val="A8FFC8"/>
                </a:solidFill>
              </a:rPr>
              <a:pPr fontAlgn="base">
                <a:spcBef>
                  <a:spcPct val="0"/>
                </a:spcBef>
                <a:spcAft>
                  <a:spcPct val="0"/>
                </a:spcAft>
                <a:defRPr/>
              </a:pPr>
              <a:t>9</a:t>
            </a:fld>
            <a:endParaRPr lang="nb-NO">
              <a:solidFill>
                <a:srgbClr val="A8FFC8"/>
              </a:solidFill>
            </a:endParaRPr>
          </a:p>
        </p:txBody>
      </p:sp>
      <p:sp>
        <p:nvSpPr>
          <p:cNvPr id="7" name="Plassholder for bunntekst 3">
            <a:extLst>
              <a:ext uri="{FF2B5EF4-FFF2-40B4-BE49-F238E27FC236}">
                <a16:creationId xmlns:a16="http://schemas.microsoft.com/office/drawing/2014/main" id="{DBF71D3D-7E5F-45CC-38B3-FFBCD14F0EBF}"/>
              </a:ext>
            </a:extLst>
          </p:cNvPr>
          <p:cNvSpPr>
            <a:spLocks noGrp="1"/>
          </p:cNvSpPr>
          <p:nvPr>
            <p:ph type="ftr" sz="quarter" idx="10"/>
          </p:nvPr>
        </p:nvSpPr>
        <p:spPr bwMode="auto">
          <a:xfrm>
            <a:off x="3719514" y="6248400"/>
            <a:ext cx="4321175" cy="457200"/>
          </a:xfrm>
          <a:prstGeom prst="rect">
            <a:avLst/>
          </a:prstGeom>
          <a:noFill/>
          <a:ln w="9525">
            <a:noFill/>
            <a:miter lim="800000"/>
            <a:headEnd/>
            <a:tailEnd/>
          </a:ln>
          <a:effectLst/>
        </p:spPr>
        <p:txBody>
          <a:bodyPr vert="horz" wrap="square" lIns="91440" tIns="45720" rIns="91440" bIns="45720" numCol="1" anchor="b" anchorCtr="0" compatLnSpc="1">
            <a:prstTxWarp prst="textNoShape">
              <a:avLst/>
            </a:prstTxWarp>
            <a:normAutofit fontScale="92500" lnSpcReduction="20000"/>
          </a:bodyPr>
          <a:lstStyle/>
          <a:p>
            <a:pPr fontAlgn="base">
              <a:spcBef>
                <a:spcPct val="0"/>
              </a:spcBef>
              <a:spcAft>
                <a:spcPts val="600"/>
              </a:spcAft>
              <a:defRPr/>
            </a:pPr>
            <a:r>
              <a:rPr lang="nb-NO">
                <a:solidFill>
                  <a:srgbClr val="00007D"/>
                </a:solidFill>
              </a:rPr>
              <a:t>NfN</a:t>
            </a:r>
          </a:p>
          <a:p>
            <a:pPr fontAlgn="base">
              <a:spcBef>
                <a:spcPct val="0"/>
              </a:spcBef>
              <a:spcAft>
                <a:spcPts val="600"/>
              </a:spcAft>
              <a:defRPr/>
            </a:pPr>
            <a:r>
              <a:rPr lang="nb-NO">
                <a:solidFill>
                  <a:srgbClr val="00007D"/>
                </a:solidFill>
              </a:rPr>
              <a:t>Norwegian </a:t>
            </a:r>
            <a:r>
              <a:rPr lang="nb-NO" err="1">
                <a:solidFill>
                  <a:srgbClr val="00007D"/>
                </a:solidFill>
              </a:rPr>
              <a:t>Facility</a:t>
            </a:r>
            <a:r>
              <a:rPr lang="nb-NO">
                <a:solidFill>
                  <a:srgbClr val="00007D"/>
                </a:solidFill>
              </a:rPr>
              <a:t> Management Network</a:t>
            </a:r>
          </a:p>
        </p:txBody>
      </p:sp>
    </p:spTree>
    <p:extLst>
      <p:ext uri="{BB962C8B-B14F-4D97-AF65-F5344CB8AC3E}">
        <p14:creationId xmlns:p14="http://schemas.microsoft.com/office/powerpoint/2010/main" val="2088838842"/>
      </p:ext>
    </p:extLst>
  </p:cSld>
  <p:clrMapOvr>
    <a:masterClrMapping/>
  </p:clrMapOvr>
</p:sld>
</file>

<file path=ppt/theme/theme1.xml><?xml version="1.0" encoding="utf-8"?>
<a:theme xmlns:a="http://schemas.openxmlformats.org/drawingml/2006/main" name="Multiconsult – mørkt tema">
  <a:themeElements>
    <a:clrScheme name="Multiconsult_PPT">
      <a:dk1>
        <a:srgbClr val="272E34"/>
      </a:dk1>
      <a:lt1>
        <a:srgbClr val="E8E3E2"/>
      </a:lt1>
      <a:dk2>
        <a:srgbClr val="EA8C27"/>
      </a:dk2>
      <a:lt2>
        <a:srgbClr val="FFFFFF"/>
      </a:lt2>
      <a:accent1>
        <a:srgbClr val="8EB1CA"/>
      </a:accent1>
      <a:accent2>
        <a:srgbClr val="385167"/>
      </a:accent2>
      <a:accent3>
        <a:srgbClr val="82B589"/>
      </a:accent3>
      <a:accent4>
        <a:srgbClr val="3E5E4E"/>
      </a:accent4>
      <a:accent5>
        <a:srgbClr val="B14F2F"/>
      </a:accent5>
      <a:accent6>
        <a:srgbClr val="602E2E"/>
      </a:accent6>
      <a:hlink>
        <a:srgbClr val="E98B27"/>
      </a:hlink>
      <a:folHlink>
        <a:srgbClr val="BE6910"/>
      </a:folHlink>
    </a:clrScheme>
    <a:fontScheme name="Custom 10">
      <a:majorFont>
        <a:latin typeface="Aptos"/>
        <a:ea typeface=""/>
        <a:cs typeface=""/>
      </a:majorFont>
      <a:minorFont>
        <a:latin typeface="Apto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Multiconsult-mal" id="{8FB3E29E-A622-FE41-ADBF-2C0277854B79}" vid="{FE27B2F2-5236-0142-896F-74F2972E6CC0}"/>
    </a:ext>
  </a:extLst>
</a:theme>
</file>

<file path=ppt/theme/theme2.xml><?xml version="1.0" encoding="utf-8"?>
<a:theme xmlns:a="http://schemas.openxmlformats.org/drawingml/2006/main" name="Multiconsult – lyst tema">
  <a:themeElements>
    <a:clrScheme name="Multiconsult_PPT">
      <a:dk1>
        <a:srgbClr val="272E34"/>
      </a:dk1>
      <a:lt1>
        <a:srgbClr val="E8E3E2"/>
      </a:lt1>
      <a:dk2>
        <a:srgbClr val="EA8C27"/>
      </a:dk2>
      <a:lt2>
        <a:srgbClr val="FFFFFF"/>
      </a:lt2>
      <a:accent1>
        <a:srgbClr val="8EB1CA"/>
      </a:accent1>
      <a:accent2>
        <a:srgbClr val="385167"/>
      </a:accent2>
      <a:accent3>
        <a:srgbClr val="82B589"/>
      </a:accent3>
      <a:accent4>
        <a:srgbClr val="3E5E4E"/>
      </a:accent4>
      <a:accent5>
        <a:srgbClr val="B14F2F"/>
      </a:accent5>
      <a:accent6>
        <a:srgbClr val="602E2E"/>
      </a:accent6>
      <a:hlink>
        <a:srgbClr val="E98B27"/>
      </a:hlink>
      <a:folHlink>
        <a:srgbClr val="BE6910"/>
      </a:folHlink>
    </a:clrScheme>
    <a:fontScheme name="Custom 10">
      <a:majorFont>
        <a:latin typeface="Aptos"/>
        <a:ea typeface=""/>
        <a:cs typeface=""/>
      </a:majorFont>
      <a:minorFont>
        <a:latin typeface="Apto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Multiconsult-mal" id="{8FB3E29E-A622-FE41-ADBF-2C0277854B79}" vid="{FE27B2F2-5236-0142-896F-74F2972E6CC0}"/>
    </a:ext>
  </a:extLst>
</a:theme>
</file>

<file path=ppt/theme/theme3.xml><?xml version="1.0" encoding="utf-8"?>
<a:theme xmlns:a="http://schemas.openxmlformats.org/drawingml/2006/main" name="Piksel">
  <a:themeElements>
    <a:clrScheme name="Egendefinert 1">
      <a:dk1>
        <a:srgbClr val="000000"/>
      </a:dk1>
      <a:lt1>
        <a:srgbClr val="FFFFFF"/>
      </a:lt1>
      <a:dk2>
        <a:srgbClr val="000000"/>
      </a:dk2>
      <a:lt2>
        <a:srgbClr val="00007D"/>
      </a:lt2>
      <a:accent1>
        <a:srgbClr val="A8FFC8"/>
      </a:accent1>
      <a:accent2>
        <a:srgbClr val="9999CC"/>
      </a:accent2>
      <a:accent3>
        <a:srgbClr val="FFFFFF"/>
      </a:accent3>
      <a:accent4>
        <a:srgbClr val="FAAC00"/>
      </a:accent4>
      <a:accent5>
        <a:srgbClr val="FFF29F"/>
      </a:accent5>
      <a:accent6>
        <a:srgbClr val="B97FB6"/>
      </a:accent6>
      <a:hlink>
        <a:srgbClr val="666699"/>
      </a:hlink>
      <a:folHlink>
        <a:srgbClr val="CCCCE6"/>
      </a:folHlink>
    </a:clrScheme>
    <a:fontScheme name="Pikse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raClrScheme>
      <a:clrScheme name="Piksel 1">
        <a:dk1>
          <a:srgbClr val="0066FF"/>
        </a:dk1>
        <a:lt1>
          <a:srgbClr val="FFFFFF"/>
        </a:lt1>
        <a:dk2>
          <a:srgbClr val="000066"/>
        </a:dk2>
        <a:lt2>
          <a:srgbClr val="FFFFFF"/>
        </a:lt2>
        <a:accent1>
          <a:srgbClr val="6699FF"/>
        </a:accent1>
        <a:accent2>
          <a:srgbClr val="3333FF"/>
        </a:accent2>
        <a:accent3>
          <a:srgbClr val="AAAAB8"/>
        </a:accent3>
        <a:accent4>
          <a:srgbClr val="DADADA"/>
        </a:accent4>
        <a:accent5>
          <a:srgbClr val="B8CAFF"/>
        </a:accent5>
        <a:accent6>
          <a:srgbClr val="2D2DE7"/>
        </a:accent6>
        <a:hlink>
          <a:srgbClr val="FFCC00"/>
        </a:hlink>
        <a:folHlink>
          <a:srgbClr val="0000CC"/>
        </a:folHlink>
      </a:clrScheme>
      <a:clrMap bg1="dk2" tx1="lt1" bg2="dk1" tx2="lt2" accent1="accent1" accent2="accent2" accent3="accent3" accent4="accent4" accent5="accent5" accent6="accent6" hlink="hlink" folHlink="folHlink"/>
    </a:extraClrScheme>
    <a:extraClrScheme>
      <a:clrScheme name="Piksel 2">
        <a:dk1>
          <a:srgbClr val="009999"/>
        </a:dk1>
        <a:lt1>
          <a:srgbClr val="FFFFFF"/>
        </a:lt1>
        <a:dk2>
          <a:srgbClr val="334B49"/>
        </a:dk2>
        <a:lt2>
          <a:srgbClr val="FFFFFF"/>
        </a:lt2>
        <a:accent1>
          <a:srgbClr val="33CCCC"/>
        </a:accent1>
        <a:accent2>
          <a:srgbClr val="008080"/>
        </a:accent2>
        <a:accent3>
          <a:srgbClr val="ADB1B1"/>
        </a:accent3>
        <a:accent4>
          <a:srgbClr val="DADADA"/>
        </a:accent4>
        <a:accent5>
          <a:srgbClr val="ADE2E2"/>
        </a:accent5>
        <a:accent6>
          <a:srgbClr val="007373"/>
        </a:accent6>
        <a:hlink>
          <a:srgbClr val="FFCC00"/>
        </a:hlink>
        <a:folHlink>
          <a:srgbClr val="006666"/>
        </a:folHlink>
      </a:clrScheme>
      <a:clrMap bg1="dk2" tx1="lt1" bg2="dk1" tx2="lt2" accent1="accent1" accent2="accent2" accent3="accent3" accent4="accent4" accent5="accent5" accent6="accent6" hlink="hlink" folHlink="folHlink"/>
    </a:extraClrScheme>
    <a:extraClrScheme>
      <a:clrScheme name="Piksel 3">
        <a:dk1>
          <a:srgbClr val="006699"/>
        </a:dk1>
        <a:lt1>
          <a:srgbClr val="FFFFFF"/>
        </a:lt1>
        <a:dk2>
          <a:srgbClr val="333399"/>
        </a:dk2>
        <a:lt2>
          <a:srgbClr val="FFFFFF"/>
        </a:lt2>
        <a:accent1>
          <a:srgbClr val="0099CC"/>
        </a:accent1>
        <a:accent2>
          <a:srgbClr val="0386AF"/>
        </a:accent2>
        <a:accent3>
          <a:srgbClr val="ADADCA"/>
        </a:accent3>
        <a:accent4>
          <a:srgbClr val="DADADA"/>
        </a:accent4>
        <a:accent5>
          <a:srgbClr val="AACAE2"/>
        </a:accent5>
        <a:accent6>
          <a:srgbClr val="02799E"/>
        </a:accent6>
        <a:hlink>
          <a:srgbClr val="FFCC00"/>
        </a:hlink>
        <a:folHlink>
          <a:srgbClr val="6699FF"/>
        </a:folHlink>
      </a:clrScheme>
      <a:clrMap bg1="dk2" tx1="lt1" bg2="dk1" tx2="lt2" accent1="accent1" accent2="accent2" accent3="accent3" accent4="accent4" accent5="accent5" accent6="accent6" hlink="hlink" folHlink="folHlink"/>
    </a:extraClrScheme>
    <a:extraClrScheme>
      <a:clrScheme name="Piksel 4">
        <a:dk1>
          <a:srgbClr val="008080"/>
        </a:dk1>
        <a:lt1>
          <a:srgbClr val="FFFFFF"/>
        </a:lt1>
        <a:dk2>
          <a:srgbClr val="2F978D"/>
        </a:dk2>
        <a:lt2>
          <a:srgbClr val="FFFFFF"/>
        </a:lt2>
        <a:accent1>
          <a:srgbClr val="0099FF"/>
        </a:accent1>
        <a:accent2>
          <a:srgbClr val="009999"/>
        </a:accent2>
        <a:accent3>
          <a:srgbClr val="ADC9C5"/>
        </a:accent3>
        <a:accent4>
          <a:srgbClr val="DADADA"/>
        </a:accent4>
        <a:accent5>
          <a:srgbClr val="AACAFF"/>
        </a:accent5>
        <a:accent6>
          <a:srgbClr val="008A8A"/>
        </a:accent6>
        <a:hlink>
          <a:srgbClr val="FFFFCC"/>
        </a:hlink>
        <a:folHlink>
          <a:srgbClr val="70CAC6"/>
        </a:folHlink>
      </a:clrScheme>
      <a:clrMap bg1="dk2" tx1="lt1" bg2="dk1" tx2="lt2" accent1="accent1" accent2="accent2" accent3="accent3" accent4="accent4" accent5="accent5" accent6="accent6" hlink="hlink" folHlink="folHlink"/>
    </a:extraClrScheme>
    <a:extraClrScheme>
      <a:clrScheme name="Piksel 5">
        <a:dk1>
          <a:srgbClr val="822504"/>
        </a:dk1>
        <a:lt1>
          <a:srgbClr val="FFFFFF"/>
        </a:lt1>
        <a:dk2>
          <a:srgbClr val="330000"/>
        </a:dk2>
        <a:lt2>
          <a:srgbClr val="FFFFFF"/>
        </a:lt2>
        <a:accent1>
          <a:srgbClr val="FF9900"/>
        </a:accent1>
        <a:accent2>
          <a:srgbClr val="9E2A06"/>
        </a:accent2>
        <a:accent3>
          <a:srgbClr val="ADAAAA"/>
        </a:accent3>
        <a:accent4>
          <a:srgbClr val="DADADA"/>
        </a:accent4>
        <a:accent5>
          <a:srgbClr val="FFCAAA"/>
        </a:accent5>
        <a:accent6>
          <a:srgbClr val="8F2505"/>
        </a:accent6>
        <a:hlink>
          <a:srgbClr val="FF3300"/>
        </a:hlink>
        <a:folHlink>
          <a:srgbClr val="7C0704"/>
        </a:folHlink>
      </a:clrScheme>
      <a:clrMap bg1="dk2" tx1="lt1" bg2="dk1" tx2="lt2" accent1="accent1" accent2="accent2" accent3="accent3" accent4="accent4" accent5="accent5" accent6="accent6" hlink="hlink" folHlink="folHlink"/>
    </a:extraClrScheme>
    <a:extraClrScheme>
      <a:clrScheme name="Piksel 6">
        <a:dk1>
          <a:srgbClr val="336600"/>
        </a:dk1>
        <a:lt1>
          <a:srgbClr val="FFFFFF"/>
        </a:lt1>
        <a:dk2>
          <a:srgbClr val="4A7911"/>
        </a:dk2>
        <a:lt2>
          <a:srgbClr val="FFFFFF"/>
        </a:lt2>
        <a:accent1>
          <a:srgbClr val="666633"/>
        </a:accent1>
        <a:accent2>
          <a:srgbClr val="669900"/>
        </a:accent2>
        <a:accent3>
          <a:srgbClr val="B1BEAA"/>
        </a:accent3>
        <a:accent4>
          <a:srgbClr val="DADADA"/>
        </a:accent4>
        <a:accent5>
          <a:srgbClr val="B8B8AD"/>
        </a:accent5>
        <a:accent6>
          <a:srgbClr val="5C8A00"/>
        </a:accent6>
        <a:hlink>
          <a:srgbClr val="FFCC00"/>
        </a:hlink>
        <a:folHlink>
          <a:srgbClr val="99CC00"/>
        </a:folHlink>
      </a:clrScheme>
      <a:clrMap bg1="dk2" tx1="lt1" bg2="dk1" tx2="lt2" accent1="accent1" accent2="accent2" accent3="accent3" accent4="accent4" accent5="accent5" accent6="accent6" hlink="hlink" folHlink="folHlink"/>
    </a:extraClrScheme>
    <a:extraClrScheme>
      <a:clrScheme name="Piksel 7">
        <a:dk1>
          <a:srgbClr val="000000"/>
        </a:dk1>
        <a:lt1>
          <a:srgbClr val="FFFFFF"/>
        </a:lt1>
        <a:dk2>
          <a:srgbClr val="000000"/>
        </a:dk2>
        <a:lt2>
          <a:srgbClr val="CC3300"/>
        </a:lt2>
        <a:accent1>
          <a:srgbClr val="FFCC00"/>
        </a:accent1>
        <a:accent2>
          <a:srgbClr val="CC6600"/>
        </a:accent2>
        <a:accent3>
          <a:srgbClr val="FFFFFF"/>
        </a:accent3>
        <a:accent4>
          <a:srgbClr val="000000"/>
        </a:accent4>
        <a:accent5>
          <a:srgbClr val="FFE2AA"/>
        </a:accent5>
        <a:accent6>
          <a:srgbClr val="B95C00"/>
        </a:accent6>
        <a:hlink>
          <a:srgbClr val="663300"/>
        </a:hlink>
        <a:folHlink>
          <a:srgbClr val="CC9900"/>
        </a:folHlink>
      </a:clrScheme>
      <a:clrMap bg1="lt1" tx1="dk1" bg2="lt2" tx2="dk2" accent1="accent1" accent2="accent2" accent3="accent3" accent4="accent4" accent5="accent5" accent6="accent6" hlink="hlink" folHlink="folHlink"/>
    </a:extraClrScheme>
    <a:extraClrScheme>
      <a:clrScheme name="Piksel 8">
        <a:dk1>
          <a:srgbClr val="003300"/>
        </a:dk1>
        <a:lt1>
          <a:srgbClr val="FFFFFF"/>
        </a:lt1>
        <a:dk2>
          <a:srgbClr val="000000"/>
        </a:dk2>
        <a:lt2>
          <a:srgbClr val="336600"/>
        </a:lt2>
        <a:accent1>
          <a:srgbClr val="CCCC00"/>
        </a:accent1>
        <a:accent2>
          <a:srgbClr val="669900"/>
        </a:accent2>
        <a:accent3>
          <a:srgbClr val="FFFFFF"/>
        </a:accent3>
        <a:accent4>
          <a:srgbClr val="002A00"/>
        </a:accent4>
        <a:accent5>
          <a:srgbClr val="E2E2AA"/>
        </a:accent5>
        <a:accent6>
          <a:srgbClr val="5C8A00"/>
        </a:accent6>
        <a:hlink>
          <a:srgbClr val="333300"/>
        </a:hlink>
        <a:folHlink>
          <a:srgbClr val="99CC00"/>
        </a:folHlink>
      </a:clrScheme>
      <a:clrMap bg1="lt1" tx1="dk1" bg2="lt2" tx2="dk2" accent1="accent1" accent2="accent2" accent3="accent3" accent4="accent4" accent5="accent5" accent6="accent6" hlink="hlink" folHlink="folHlink"/>
    </a:extraClrScheme>
    <a:extraClrScheme>
      <a:clrScheme name="Piksel 9">
        <a:dk1>
          <a:srgbClr val="000000"/>
        </a:dk1>
        <a:lt1>
          <a:srgbClr val="FFFFFF"/>
        </a:lt1>
        <a:dk2>
          <a:srgbClr val="000000"/>
        </a:dk2>
        <a:lt2>
          <a:srgbClr val="440044"/>
        </a:lt2>
        <a:accent1>
          <a:srgbClr val="FFCCCC"/>
        </a:accent1>
        <a:accent2>
          <a:srgbClr val="790571"/>
        </a:accent2>
        <a:accent3>
          <a:srgbClr val="FFFFFF"/>
        </a:accent3>
        <a:accent4>
          <a:srgbClr val="000000"/>
        </a:accent4>
        <a:accent5>
          <a:srgbClr val="FFE2E2"/>
        </a:accent5>
        <a:accent6>
          <a:srgbClr val="6D0466"/>
        </a:accent6>
        <a:hlink>
          <a:srgbClr val="993366"/>
        </a:hlink>
        <a:folHlink>
          <a:srgbClr val="9F839F"/>
        </a:folHlink>
      </a:clrScheme>
      <a:clrMap bg1="lt1" tx1="dk1" bg2="lt2" tx2="dk2" accent1="accent1" accent2="accent2" accent3="accent3" accent4="accent4" accent5="accent5" accent6="accent6" hlink="hlink" folHlink="folHlink"/>
    </a:extraClrScheme>
    <a:extraClrScheme>
      <a:clrScheme name="Piksel 10">
        <a:dk1>
          <a:srgbClr val="000000"/>
        </a:dk1>
        <a:lt1>
          <a:srgbClr val="FFFFFF"/>
        </a:lt1>
        <a:dk2>
          <a:srgbClr val="000000"/>
        </a:dk2>
        <a:lt2>
          <a:srgbClr val="FF9900"/>
        </a:lt2>
        <a:accent1>
          <a:srgbClr val="FFCC99"/>
        </a:accent1>
        <a:accent2>
          <a:srgbClr val="FBA313"/>
        </a:accent2>
        <a:accent3>
          <a:srgbClr val="FFFFFF"/>
        </a:accent3>
        <a:accent4>
          <a:srgbClr val="000000"/>
        </a:accent4>
        <a:accent5>
          <a:srgbClr val="FFE2CA"/>
        </a:accent5>
        <a:accent6>
          <a:srgbClr val="E39310"/>
        </a:accent6>
        <a:hlink>
          <a:srgbClr val="CC3300"/>
        </a:hlink>
        <a:folHlink>
          <a:srgbClr val="FCC66E"/>
        </a:folHlink>
      </a:clrScheme>
      <a:clrMap bg1="lt1" tx1="dk1" bg2="lt2" tx2="dk2" accent1="accent1" accent2="accent2" accent3="accent3" accent4="accent4" accent5="accent5" accent6="accent6" hlink="hlink" folHlink="folHlink"/>
    </a:extraClrScheme>
    <a:extraClrScheme>
      <a:clrScheme name="Piksel 11">
        <a:dk1>
          <a:srgbClr val="000000"/>
        </a:dk1>
        <a:lt1>
          <a:srgbClr val="FFFFFF"/>
        </a:lt1>
        <a:dk2>
          <a:srgbClr val="000000"/>
        </a:dk2>
        <a:lt2>
          <a:srgbClr val="779F92"/>
        </a:lt2>
        <a:accent1>
          <a:srgbClr val="33CCCC"/>
        </a:accent1>
        <a:accent2>
          <a:srgbClr val="9DC2D7"/>
        </a:accent2>
        <a:accent3>
          <a:srgbClr val="FFFFFF"/>
        </a:accent3>
        <a:accent4>
          <a:srgbClr val="000000"/>
        </a:accent4>
        <a:accent5>
          <a:srgbClr val="ADE2E2"/>
        </a:accent5>
        <a:accent6>
          <a:srgbClr val="8EB0C3"/>
        </a:accent6>
        <a:hlink>
          <a:srgbClr val="006666"/>
        </a:hlink>
        <a:folHlink>
          <a:srgbClr val="CCCCFF"/>
        </a:folHlink>
      </a:clrScheme>
      <a:clrMap bg1="lt1" tx1="dk1" bg2="lt2" tx2="dk2" accent1="accent1" accent2="accent2" accent3="accent3" accent4="accent4" accent5="accent5" accent6="accent6" hlink="hlink" folHlink="folHlink"/>
    </a:extraClrScheme>
    <a:extraClrScheme>
      <a:clrScheme name="Piksel 12">
        <a:dk1>
          <a:srgbClr val="000000"/>
        </a:dk1>
        <a:lt1>
          <a:srgbClr val="FFFFFF"/>
        </a:lt1>
        <a:dk2>
          <a:srgbClr val="000000"/>
        </a:dk2>
        <a:lt2>
          <a:srgbClr val="00007D"/>
        </a:lt2>
        <a:accent1>
          <a:srgbClr val="9999FF"/>
        </a:accent1>
        <a:accent2>
          <a:srgbClr val="9999CC"/>
        </a:accent2>
        <a:accent3>
          <a:srgbClr val="FFFFFF"/>
        </a:accent3>
        <a:accent4>
          <a:srgbClr val="000000"/>
        </a:accent4>
        <a:accent5>
          <a:srgbClr val="CACAFF"/>
        </a:accent5>
        <a:accent6>
          <a:srgbClr val="8A8AB9"/>
        </a:accent6>
        <a:hlink>
          <a:srgbClr val="666699"/>
        </a:hlink>
        <a:folHlink>
          <a:srgbClr val="CCCCE6"/>
        </a:folHlink>
      </a:clrScheme>
      <a:clrMap bg1="lt1" tx1="dk1" bg2="lt2" tx2="dk2" accent1="accent1" accent2="accent2" accent3="accent3" accent4="accent4" accent5="accent5" accent6="accent6" hlink="hlink" folHlink="folHlink"/>
    </a:extraClrScheme>
  </a:extraClrSchemeLst>
</a:theme>
</file>

<file path=ppt/theme/theme4.xml><?xml version="1.0" encoding="utf-8"?>
<a:theme xmlns:a="http://schemas.openxmlformats.org/drawingml/2006/main" name="Office-tema 2013 – 2022">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2013 - 2022" id="{62F939B6-93AF-4DB8-9C6B-D6C7DFDC589F}" vid="{4A3C46E8-61CC-4603-A589-7422A47A8E4A}"/>
    </a:ext>
  </a:extLst>
</a:theme>
</file>

<file path=ppt/theme/theme5.xml><?xml version="1.0" encoding="utf-8"?>
<a:theme xmlns:a="http://schemas.openxmlformats.org/drawingml/2006/main" name="Office-t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Ny presentasjon (2024-07-04)","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2d0b55a6-7071-4f8e-a5d3-b60c1c7854c3">
      <Terms xmlns="http://schemas.microsoft.com/office/infopath/2007/PartnerControls"/>
    </lcf76f155ced4ddcb4097134ff3c332f>
    <TaxCatchAll xmlns="0de52308-e94d-442a-aa4e-c7c2097167bf" xsi:nil="true"/>
  </documentManagement>
</p:properties>
</file>

<file path=customXml/item4.xml><?xml version="1.0" encoding="utf-8"?>
<ct:contentTypeSchema xmlns:ct="http://schemas.microsoft.com/office/2006/metadata/contentType" xmlns:ma="http://schemas.microsoft.com/office/2006/metadata/properties/metaAttributes" ct:_="" ma:_="" ma:contentTypeName="Dokument" ma:contentTypeID="0x010100590079170938D84DBFA2C1B251CD1C8A" ma:contentTypeVersion="16" ma:contentTypeDescription="Opprett et nytt dokument." ma:contentTypeScope="" ma:versionID="fdbd7050adde29442c9bb6f9e2b95171">
  <xsd:schema xmlns:xsd="http://www.w3.org/2001/XMLSchema" xmlns:xs="http://www.w3.org/2001/XMLSchema" xmlns:p="http://schemas.microsoft.com/office/2006/metadata/properties" xmlns:ns2="2d0b55a6-7071-4f8e-a5d3-b60c1c7854c3" xmlns:ns3="0de52308-e94d-442a-aa4e-c7c2097167bf" targetNamespace="http://schemas.microsoft.com/office/2006/metadata/properties" ma:root="true" ma:fieldsID="a0d43038027be2a971bbd93a11d8f053" ns2:_="" ns3:_="">
    <xsd:import namespace="2d0b55a6-7071-4f8e-a5d3-b60c1c7854c3"/>
    <xsd:import namespace="0de52308-e94d-442a-aa4e-c7c2097167bf"/>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ObjectDetectorVersions" minOccurs="0"/>
                <xsd:element ref="ns2:MediaLengthInSecond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Location" minOccurs="0"/>
                <xsd:element ref="ns3:SharedWithUsers" minOccurs="0"/>
                <xsd:element ref="ns3:SharedWithDetail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d0b55a6-7071-4f8e-a5d3-b60c1c7854c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dexed="true" ma:internalName="MediaServiceDateTaken" ma:readOnly="true">
      <xsd:simpleType>
        <xsd:restriction base="dms:Text"/>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lcf76f155ced4ddcb4097134ff3c332f" ma:index="14" nillable="true" ma:taxonomy="true" ma:internalName="lcf76f155ced4ddcb4097134ff3c332f" ma:taxonomyFieldName="MediaServiceImageTags" ma:displayName="Bildemerkelapper" ma:readOnly="false" ma:fieldId="{5cf76f15-5ced-4ddc-b409-7134ff3c332f}" ma:taxonomyMulti="true" ma:sspId="cad10f3f-49cb-4079-8b26-3f4f8f79d809"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MediaServiceSearchProperties" ma:index="22" nillable="true" ma:displayName="MediaServiceSearchProperties" ma:hidden="true" ma:internalName="MediaServiceSearchProperties" ma:readOnly="true">
      <xsd:simpleType>
        <xsd:restriction base="dms:Note"/>
      </xsd:simpleType>
    </xsd:element>
    <xsd:element name="MediaServiceBillingMetadata" ma:index="23"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de52308-e94d-442a-aa4e-c7c2097167bf"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0091b2e9-7ec3-44fa-bd8c-2ea2bccdc0ee}" ma:internalName="TaxCatchAll" ma:showField="CatchAllData" ma:web="0de52308-e94d-442a-aa4e-c7c2097167bf">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Delings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C2225D99-66E2-4DDA-AC74-0938D2BD60B9}">
  <ds:schemaRefs>
    <ds:schemaRef ds:uri="http://schemas.microsoft.com/sharepoint/v3/contenttype/forms"/>
  </ds:schemaRefs>
</ds:datastoreItem>
</file>

<file path=customXml/itemProps2.xml><?xml version="1.0" encoding="utf-8"?>
<ds:datastoreItem xmlns:ds="http://schemas.openxmlformats.org/officeDocument/2006/customXml" ds:itemID="{63BAC284-E31D-4C9A-9683-EFB616BE32DF}">
  <ds:schemaRefs/>
</ds:datastoreItem>
</file>

<file path=customXml/itemProps3.xml><?xml version="1.0" encoding="utf-8"?>
<ds:datastoreItem xmlns:ds="http://schemas.openxmlformats.org/officeDocument/2006/customXml" ds:itemID="{15BABBF7-EB5F-4CFA-AD73-A616A4398425}">
  <ds:schemaRefs>
    <ds:schemaRef ds:uri="b2a86460-399c-4f26-97f0-37939d4a7b6c"/>
    <ds:schemaRef ds:uri="http://purl.org/dc/elements/1.1/"/>
    <ds:schemaRef ds:uri="http://schemas.microsoft.com/office/2006/documentManagement/types"/>
    <ds:schemaRef ds:uri="http://purl.org/dc/terms/"/>
    <ds:schemaRef ds:uri="afdfb257-4059-4108-aba9-9c1d05b1ef0a"/>
    <ds:schemaRef ds:uri="http://schemas.microsoft.com/office/infopath/2007/PartnerControls"/>
    <ds:schemaRef ds:uri="http://www.w3.org/XML/1998/namespace"/>
    <ds:schemaRef ds:uri="http://schemas.openxmlformats.org/package/2006/metadata/core-properties"/>
    <ds:schemaRef ds:uri="http://schemas.microsoft.com/office/2006/metadata/properties"/>
    <ds:schemaRef ds:uri="http://purl.org/dc/dcmitype/"/>
    <ds:schemaRef ds:uri="2d0b55a6-7071-4f8e-a5d3-b60c1c7854c3"/>
    <ds:schemaRef ds:uri="0de52308-e94d-442a-aa4e-c7c2097167bf"/>
  </ds:schemaRefs>
</ds:datastoreItem>
</file>

<file path=customXml/itemProps4.xml><?xml version="1.0" encoding="utf-8"?>
<ds:datastoreItem xmlns:ds="http://schemas.openxmlformats.org/officeDocument/2006/customXml" ds:itemID="{3DB51D6F-8241-4C68-AE3C-47FF0C1343D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d0b55a6-7071-4f8e-a5d3-b60c1c7854c3"/>
    <ds:schemaRef ds:uri="0de52308-e94d-442a-aa4e-c7c2097167b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5038756-52B6-416C-8B79-A496845E781B}">
  <ds:schemaRefs/>
</ds:datastoreItem>
</file>

<file path=docProps/app.xml><?xml version="1.0" encoding="utf-8"?>
<Properties xmlns="http://schemas.openxmlformats.org/officeDocument/2006/extended-properties" xmlns:vt="http://schemas.openxmlformats.org/officeDocument/2006/docPropsVTypes">
  <Template/>
  <TotalTime>4906</TotalTime>
  <Words>1763</Words>
  <Application>Microsoft Office PowerPoint</Application>
  <PresentationFormat>Widescreen</PresentationFormat>
  <Paragraphs>398</Paragraphs>
  <Slides>18</Slides>
  <Notes>2</Notes>
  <HiddenSlides>0</HiddenSlides>
  <MMClips>0</MMClips>
  <ScaleCrop>false</ScaleCrop>
  <HeadingPairs>
    <vt:vector size="6" baseType="variant">
      <vt:variant>
        <vt:lpstr>Fonts Used</vt:lpstr>
      </vt:variant>
      <vt:variant>
        <vt:i4>8</vt:i4>
      </vt:variant>
      <vt:variant>
        <vt:lpstr>Theme</vt:lpstr>
      </vt:variant>
      <vt:variant>
        <vt:i4>3</vt:i4>
      </vt:variant>
      <vt:variant>
        <vt:lpstr>Slide Titles</vt:lpstr>
      </vt:variant>
      <vt:variant>
        <vt:i4>18</vt:i4>
      </vt:variant>
    </vt:vector>
  </HeadingPairs>
  <TitlesOfParts>
    <vt:vector size="29" baseType="lpstr">
      <vt:lpstr>ＭＳ Ｐゴシック</vt:lpstr>
      <vt:lpstr>Aptos</vt:lpstr>
      <vt:lpstr>Aptos Light</vt:lpstr>
      <vt:lpstr>Arial</vt:lpstr>
      <vt:lpstr>Arial Black</vt:lpstr>
      <vt:lpstr>Calibri</vt:lpstr>
      <vt:lpstr>Times New Roman</vt:lpstr>
      <vt:lpstr>Wingdings</vt:lpstr>
      <vt:lpstr>Multiconsult – mørkt tema</vt:lpstr>
      <vt:lpstr>Multiconsult – lyst tema</vt:lpstr>
      <vt:lpstr>Piksel</vt:lpstr>
      <vt:lpstr>NfN  Norwegian Facility Management Network</vt:lpstr>
      <vt:lpstr>Innhold</vt:lpstr>
      <vt:lpstr>NfN – Norges største nettverk for Facility Management</vt:lpstr>
      <vt:lpstr>Styret</vt:lpstr>
      <vt:lpstr>Administrasjonen</vt:lpstr>
      <vt:lpstr>Valgkomité og revisor</vt:lpstr>
      <vt:lpstr>Nettverksmøtene i 2025</vt:lpstr>
      <vt:lpstr>NfN Sykehus – Faggrupper i 2025 </vt:lpstr>
      <vt:lpstr>NfNs Programkomiteer i 2025</vt:lpstr>
      <vt:lpstr>Oppdateringer i NfNs programkomiteer 2025</vt:lpstr>
      <vt:lpstr>Økonomisk status  </vt:lpstr>
      <vt:lpstr>Vedlegg</vt:lpstr>
      <vt:lpstr>NfN nettverket for Workplace Management</vt:lpstr>
      <vt:lpstr>NfN nettverket for Renhold </vt:lpstr>
      <vt:lpstr>NfN nettverket for Bespisning    </vt:lpstr>
      <vt:lpstr>NfN nettverket for Drift, Vedlikehold og Energiledelse  </vt:lpstr>
      <vt:lpstr>NfN nettverket for Proptech og FM-systemer   </vt:lpstr>
      <vt:lpstr>NfN nettverket for arbeidsmiljø og -arbeidshelse  </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struksjoner for bruk av mal</dc:title>
  <dc:creator>Tone Trollsås</dc:creator>
  <cp:lastModifiedBy>Kvernberg, Nora</cp:lastModifiedBy>
  <cp:revision>6</cp:revision>
  <dcterms:created xsi:type="dcterms:W3CDTF">2024-11-06T06:41:32Z</dcterms:created>
  <dcterms:modified xsi:type="dcterms:W3CDTF">2026-03-05T14:20:2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TemplafyTimeStamp">
    <vt:lpwstr>2024-07-04T11:01:12</vt:lpwstr>
  </property>
  <property fmtid="{D5CDD505-2E9C-101B-9397-08002B2CF9AE}" pid="4" name="TemplafyTenantId">
    <vt:lpwstr>multiconsult</vt:lpwstr>
  </property>
  <property fmtid="{D5CDD505-2E9C-101B-9397-08002B2CF9AE}" pid="5" name="TemplafyTemplateId">
    <vt:lpwstr>950318817714635427</vt:lpwstr>
  </property>
  <property fmtid="{D5CDD505-2E9C-101B-9397-08002B2CF9AE}" pid="6" name="TemplafyUserProfileId">
    <vt:lpwstr>1039335606174351656</vt:lpwstr>
  </property>
  <property fmtid="{D5CDD505-2E9C-101B-9397-08002B2CF9AE}" pid="7" name="TemplafyLanguageCode">
    <vt:lpwstr>nb-NO</vt:lpwstr>
  </property>
  <property fmtid="{D5CDD505-2E9C-101B-9397-08002B2CF9AE}" pid="8" name="TemplafyFromBlank">
    <vt:bool>true</vt:bool>
  </property>
  <property fmtid="{D5CDD505-2E9C-101B-9397-08002B2CF9AE}" pid="9" name="ContentTypeId">
    <vt:lpwstr>0x010100590079170938D84DBFA2C1B251CD1C8A</vt:lpwstr>
  </property>
</Properties>
</file>